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6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6表!$A$1:$N$8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7" uniqueCount="129">
  <si>
    <t>２．経理状況</t>
  </si>
  <si>
    <t>第６－１表  国民健康保険特別会計決算状況 (歳入)</t>
  </si>
  <si>
    <t>科　　　　　　　目</t>
  </si>
  <si>
    <t>平成28年度</t>
    <phoneticPr fontId="1"/>
  </si>
  <si>
    <t>平成27年度</t>
  </si>
  <si>
    <t>平成26年度</t>
    <rPh sb="0" eb="2">
      <t>ヘイセイ</t>
    </rPh>
    <rPh sb="4" eb="6">
      <t>ネンド</t>
    </rPh>
    <phoneticPr fontId="1"/>
  </si>
  <si>
    <t>対前年度比</t>
  </si>
  <si>
    <t>構 成 割 合</t>
    <phoneticPr fontId="1"/>
  </si>
  <si>
    <t>(円)</t>
  </si>
  <si>
    <t>（円）</t>
    <rPh sb="1" eb="2">
      <t>エン</t>
    </rPh>
    <phoneticPr fontId="1"/>
  </si>
  <si>
    <t>28/27</t>
    <phoneticPr fontId="1"/>
  </si>
  <si>
    <t>27/26</t>
    <phoneticPr fontId="1"/>
  </si>
  <si>
    <t>26/25</t>
    <phoneticPr fontId="1"/>
  </si>
  <si>
    <t>28年度</t>
    <phoneticPr fontId="1"/>
  </si>
  <si>
    <t>27年度</t>
    <phoneticPr fontId="1"/>
  </si>
  <si>
    <t>26年度</t>
    <rPh sb="2" eb="4">
      <t>ネンド</t>
    </rPh>
    <phoneticPr fontId="1"/>
  </si>
  <si>
    <t>25年度</t>
    <phoneticPr fontId="1"/>
  </si>
  <si>
    <t>23年度</t>
    <phoneticPr fontId="1"/>
  </si>
  <si>
    <t>21年度</t>
  </si>
  <si>
    <t>20年度</t>
  </si>
  <si>
    <t>19年度</t>
    <phoneticPr fontId="1"/>
  </si>
  <si>
    <t>18年度</t>
    <phoneticPr fontId="1"/>
  </si>
  <si>
    <t>17年度</t>
    <phoneticPr fontId="1"/>
  </si>
  <si>
    <t>16年度</t>
    <phoneticPr fontId="1"/>
  </si>
  <si>
    <t>保　　険　　料　　(税)</t>
    <phoneticPr fontId="1"/>
  </si>
  <si>
    <t>国庫支出金</t>
    <rPh sb="1" eb="2">
      <t>コ</t>
    </rPh>
    <rPh sb="2" eb="3">
      <t>ササ</t>
    </rPh>
    <rPh sb="3" eb="4">
      <t>デ</t>
    </rPh>
    <rPh sb="4" eb="5">
      <t>キン</t>
    </rPh>
    <phoneticPr fontId="1"/>
  </si>
  <si>
    <t xml:space="preserve">  事務費負担金</t>
    <phoneticPr fontId="1"/>
  </si>
  <si>
    <t>　療養給付費等負担金</t>
    <phoneticPr fontId="1"/>
  </si>
  <si>
    <t>　高額医療費共同事業負担金</t>
    <rPh sb="1" eb="3">
      <t>コウガク</t>
    </rPh>
    <rPh sb="3" eb="5">
      <t>イリョウ</t>
    </rPh>
    <rPh sb="5" eb="6">
      <t>ヒ</t>
    </rPh>
    <rPh sb="6" eb="8">
      <t>キョウドウ</t>
    </rPh>
    <rPh sb="8" eb="10">
      <t>ジギョウ</t>
    </rPh>
    <rPh sb="10" eb="13">
      <t>フタンキン</t>
    </rPh>
    <phoneticPr fontId="1"/>
  </si>
  <si>
    <t>　特定健康診査等負担金</t>
    <rPh sb="1" eb="3">
      <t>トクテイ</t>
    </rPh>
    <rPh sb="3" eb="5">
      <t>ケンコウ</t>
    </rPh>
    <rPh sb="5" eb="7">
      <t>シンサ</t>
    </rPh>
    <rPh sb="7" eb="8">
      <t>トウ</t>
    </rPh>
    <rPh sb="8" eb="11">
      <t>フタンキン</t>
    </rPh>
    <phoneticPr fontId="1"/>
  </si>
  <si>
    <t>－</t>
  </si>
  <si>
    <t>　普通調整交付金</t>
    <rPh sb="1" eb="3">
      <t>フツウ</t>
    </rPh>
    <phoneticPr fontId="1"/>
  </si>
  <si>
    <t>　特別調整交付金</t>
    <rPh sb="1" eb="3">
      <t>トクベツ</t>
    </rPh>
    <phoneticPr fontId="1"/>
  </si>
  <si>
    <t>　出産育児一時金等補助金</t>
    <rPh sb="1" eb="3">
      <t>シュッサン</t>
    </rPh>
    <rPh sb="3" eb="5">
      <t>イクジ</t>
    </rPh>
    <rPh sb="5" eb="8">
      <t>イチジキン</t>
    </rPh>
    <rPh sb="8" eb="9">
      <t>トウ</t>
    </rPh>
    <phoneticPr fontId="1"/>
  </si>
  <si>
    <t>　特別対策費補助金</t>
    <phoneticPr fontId="1"/>
  </si>
  <si>
    <t>－</t>
    <phoneticPr fontId="1"/>
  </si>
  <si>
    <t>計</t>
  </si>
  <si>
    <t>　　　　療養給付費交付金</t>
    <phoneticPr fontId="1"/>
  </si>
  <si>
    <t>　前期高齢者交付金</t>
    <rPh sb="1" eb="3">
      <t>ゼンキ</t>
    </rPh>
    <rPh sb="3" eb="6">
      <t>コウレイシャ</t>
    </rPh>
    <rPh sb="6" eb="9">
      <t>コウフキン</t>
    </rPh>
    <phoneticPr fontId="1"/>
  </si>
  <si>
    <t>県支出金</t>
    <rPh sb="0" eb="1">
      <t>ケン</t>
    </rPh>
    <rPh sb="1" eb="3">
      <t>シシュツ</t>
    </rPh>
    <rPh sb="3" eb="4">
      <t>キン</t>
    </rPh>
    <phoneticPr fontId="1"/>
  </si>
  <si>
    <t>　第１号都道府県調整交付金</t>
    <phoneticPr fontId="1"/>
  </si>
  <si>
    <t>　第２号都道府県調整交付金</t>
  </si>
  <si>
    <t>　広域化等支援基金支出金</t>
    <rPh sb="1" eb="4">
      <t>コウイキカ</t>
    </rPh>
    <rPh sb="4" eb="5">
      <t>トウ</t>
    </rPh>
    <rPh sb="5" eb="7">
      <t>シエン</t>
    </rPh>
    <rPh sb="7" eb="9">
      <t>キキン</t>
    </rPh>
    <rPh sb="9" eb="12">
      <t>シシュツキン</t>
    </rPh>
    <phoneticPr fontId="1"/>
  </si>
  <si>
    <t>　その他</t>
    <rPh sb="3" eb="4">
      <t>タ</t>
    </rPh>
    <phoneticPr fontId="1"/>
  </si>
  <si>
    <t>　　　　連　合　会　支　出　金</t>
    <rPh sb="4" eb="9">
      <t>レンゴウカイ</t>
    </rPh>
    <phoneticPr fontId="1"/>
  </si>
  <si>
    <t>共同事業交付金</t>
    <rPh sb="0" eb="2">
      <t>キョウドウ</t>
    </rPh>
    <rPh sb="2" eb="4">
      <t>ジギョウ</t>
    </rPh>
    <rPh sb="4" eb="7">
      <t>コウフキン</t>
    </rPh>
    <phoneticPr fontId="1"/>
  </si>
  <si>
    <t>高額医療費共同事業</t>
    <rPh sb="0" eb="2">
      <t>コウガク</t>
    </rPh>
    <rPh sb="2" eb="5">
      <t>イリョウヒ</t>
    </rPh>
    <rPh sb="5" eb="7">
      <t>キョウドウ</t>
    </rPh>
    <rPh sb="7" eb="9">
      <t>ジギョウ</t>
    </rPh>
    <phoneticPr fontId="1"/>
  </si>
  <si>
    <t>保険財政共同安定化事業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phoneticPr fontId="1"/>
  </si>
  <si>
    <t>繰入金</t>
    <rPh sb="1" eb="2">
      <t>イ</t>
    </rPh>
    <rPh sb="2" eb="3">
      <t>キン</t>
    </rPh>
    <phoneticPr fontId="1"/>
  </si>
  <si>
    <t>一般会計</t>
    <rPh sb="0" eb="2">
      <t>イッパン</t>
    </rPh>
    <rPh sb="2" eb="4">
      <t>カイケイ</t>
    </rPh>
    <phoneticPr fontId="1"/>
  </si>
  <si>
    <t>基盤安定</t>
    <phoneticPr fontId="1"/>
  </si>
  <si>
    <t xml:space="preserve"> 軽減分</t>
    <rPh sb="1" eb="3">
      <t>ケイゲン</t>
    </rPh>
    <rPh sb="3" eb="4">
      <t>ブン</t>
    </rPh>
    <phoneticPr fontId="1"/>
  </si>
  <si>
    <t xml:space="preserve"> 支援分</t>
    <rPh sb="1" eb="3">
      <t>シエン</t>
    </rPh>
    <rPh sb="3" eb="4">
      <t>ブン</t>
    </rPh>
    <phoneticPr fontId="1"/>
  </si>
  <si>
    <t>　基準超過費用</t>
    <rPh sb="5" eb="7">
      <t>ヒヨウ</t>
    </rPh>
    <phoneticPr fontId="1"/>
  </si>
  <si>
    <t>　職員給与費等</t>
    <rPh sb="5" eb="6">
      <t>ヒ</t>
    </rPh>
    <rPh sb="6" eb="7">
      <t>トウ</t>
    </rPh>
    <phoneticPr fontId="1"/>
  </si>
  <si>
    <t>　出産育児一時金</t>
    <rPh sb="1" eb="3">
      <t>シュッサン</t>
    </rPh>
    <rPh sb="3" eb="5">
      <t>イクジ</t>
    </rPh>
    <rPh sb="5" eb="8">
      <t>イチジキン</t>
    </rPh>
    <phoneticPr fontId="1"/>
  </si>
  <si>
    <t>　財政安定化支援事業</t>
    <rPh sb="5" eb="6">
      <t>カ</t>
    </rPh>
    <rPh sb="6" eb="8">
      <t>シエン</t>
    </rPh>
    <rPh sb="8" eb="10">
      <t>ジギョウ</t>
    </rPh>
    <phoneticPr fontId="1"/>
  </si>
  <si>
    <t>　その他</t>
    <phoneticPr fontId="1"/>
  </si>
  <si>
    <t>　直　診　勘　定</t>
    <rPh sb="1" eb="2">
      <t>チョク</t>
    </rPh>
    <rPh sb="3" eb="4">
      <t>ミ</t>
    </rPh>
    <rPh sb="5" eb="6">
      <t>カン</t>
    </rPh>
    <rPh sb="7" eb="8">
      <t>サダム</t>
    </rPh>
    <phoneticPr fontId="1"/>
  </si>
  <si>
    <t>－</t>
    <phoneticPr fontId="1"/>
  </si>
  <si>
    <t>　そ　の　他　の　収　入</t>
    <rPh sb="5" eb="6">
      <t>タ</t>
    </rPh>
    <rPh sb="9" eb="10">
      <t>オサム</t>
    </rPh>
    <rPh sb="11" eb="12">
      <t>イリ</t>
    </rPh>
    <phoneticPr fontId="1"/>
  </si>
  <si>
    <t>　単　年　度　収　入　計</t>
    <rPh sb="1" eb="2">
      <t>タン</t>
    </rPh>
    <rPh sb="3" eb="4">
      <t>トシ</t>
    </rPh>
    <rPh sb="5" eb="6">
      <t>ド</t>
    </rPh>
    <rPh sb="7" eb="8">
      <t>オサム</t>
    </rPh>
    <rPh sb="9" eb="10">
      <t>イリ</t>
    </rPh>
    <rPh sb="11" eb="12">
      <t>ケイ</t>
    </rPh>
    <phoneticPr fontId="1"/>
  </si>
  <si>
    <t>　基　金　等　繰　入　金</t>
    <rPh sb="1" eb="2">
      <t>モト</t>
    </rPh>
    <rPh sb="3" eb="4">
      <t>キン</t>
    </rPh>
    <rPh sb="5" eb="6">
      <t>トウ</t>
    </rPh>
    <rPh sb="7" eb="8">
      <t>クリ</t>
    </rPh>
    <rPh sb="9" eb="10">
      <t>イリ</t>
    </rPh>
    <rPh sb="11" eb="12">
      <t>キン</t>
    </rPh>
    <phoneticPr fontId="1"/>
  </si>
  <si>
    <t>　繰　　越　　金</t>
    <rPh sb="1" eb="2">
      <t>クリ</t>
    </rPh>
    <rPh sb="4" eb="5">
      <t>コシ</t>
    </rPh>
    <rPh sb="7" eb="8">
      <t>カネ</t>
    </rPh>
    <phoneticPr fontId="1"/>
  </si>
  <si>
    <t>　市　　町　　村　　債</t>
    <rPh sb="1" eb="2">
      <t>シ</t>
    </rPh>
    <rPh sb="4" eb="5">
      <t>マチ</t>
    </rPh>
    <rPh sb="7" eb="8">
      <t>ムラ</t>
    </rPh>
    <rPh sb="10" eb="11">
      <t>サイ</t>
    </rPh>
    <phoneticPr fontId="1"/>
  </si>
  <si>
    <t>　収　　入　　合　　計</t>
    <rPh sb="1" eb="2">
      <t>オサム</t>
    </rPh>
    <rPh sb="4" eb="5">
      <t>イリ</t>
    </rPh>
    <rPh sb="7" eb="8">
      <t>ゴウ</t>
    </rPh>
    <rPh sb="10" eb="11">
      <t>ケイ</t>
    </rPh>
    <phoneticPr fontId="1"/>
  </si>
  <si>
    <t>第６－２表  国民健康保険特別会計決算状況 (歳出)</t>
  </si>
  <si>
    <t>科　　　　　　目</t>
  </si>
  <si>
    <t>構 成 割 合</t>
  </si>
  <si>
    <t>28/27</t>
    <phoneticPr fontId="1"/>
  </si>
  <si>
    <t>27/26</t>
    <phoneticPr fontId="1"/>
  </si>
  <si>
    <t>26/25</t>
    <phoneticPr fontId="1"/>
  </si>
  <si>
    <t>27年度</t>
    <phoneticPr fontId="1"/>
  </si>
  <si>
    <t>25年度</t>
    <phoneticPr fontId="1"/>
  </si>
  <si>
    <t>23年度</t>
    <phoneticPr fontId="1"/>
  </si>
  <si>
    <t>19年度</t>
    <phoneticPr fontId="1"/>
  </si>
  <si>
    <t>18年度</t>
    <phoneticPr fontId="1"/>
  </si>
  <si>
    <t>17年度</t>
    <phoneticPr fontId="1"/>
  </si>
  <si>
    <t>16年度</t>
    <phoneticPr fontId="1"/>
  </si>
  <si>
    <t>総    務    費</t>
  </si>
  <si>
    <t>保険給付費</t>
    <rPh sb="0" eb="2">
      <t>ホケン</t>
    </rPh>
    <rPh sb="2" eb="4">
      <t>キュウフ</t>
    </rPh>
    <rPh sb="4" eb="5">
      <t>ヒ</t>
    </rPh>
    <phoneticPr fontId="1"/>
  </si>
  <si>
    <t>療養諸費</t>
    <rPh sb="0" eb="2">
      <t>リョウヨウ</t>
    </rPh>
    <rPh sb="2" eb="4">
      <t>ショヒ</t>
    </rPh>
    <phoneticPr fontId="1"/>
  </si>
  <si>
    <t>　療養給付費</t>
    <phoneticPr fontId="1"/>
  </si>
  <si>
    <t>　療  養  費</t>
    <phoneticPr fontId="1"/>
  </si>
  <si>
    <t>　小      計</t>
    <phoneticPr fontId="1"/>
  </si>
  <si>
    <t>　審査手数料</t>
    <rPh sb="1" eb="3">
      <t>シンサ</t>
    </rPh>
    <phoneticPr fontId="1"/>
  </si>
  <si>
    <t>　　高額療養費</t>
    <phoneticPr fontId="1"/>
  </si>
  <si>
    <t>　　高額介護合算療養費</t>
    <rPh sb="2" eb="4">
      <t>コウガク</t>
    </rPh>
    <rPh sb="4" eb="6">
      <t>カイゴ</t>
    </rPh>
    <rPh sb="6" eb="8">
      <t>ガッサン</t>
    </rPh>
    <rPh sb="8" eb="11">
      <t>リョウヨウヒ</t>
    </rPh>
    <phoneticPr fontId="1"/>
  </si>
  <si>
    <t>　　移　 送 　費</t>
    <phoneticPr fontId="1"/>
  </si>
  <si>
    <t>　　出産育児諸費</t>
    <phoneticPr fontId="1"/>
  </si>
  <si>
    <t>　　葬　祭　諸　費</t>
    <rPh sb="2" eb="3">
      <t>ソウ</t>
    </rPh>
    <rPh sb="4" eb="5">
      <t>サイ</t>
    </rPh>
    <rPh sb="6" eb="7">
      <t>モロ</t>
    </rPh>
    <phoneticPr fontId="1"/>
  </si>
  <si>
    <t>　　そ　 の 　他</t>
    <phoneticPr fontId="1"/>
  </si>
  <si>
    <t>　　　　　　　計</t>
    <phoneticPr fontId="1"/>
  </si>
  <si>
    <t>後期高齢者拠出金</t>
    <rPh sb="0" eb="2">
      <t>コウキ</t>
    </rPh>
    <rPh sb="2" eb="5">
      <t>コウレイシャ</t>
    </rPh>
    <rPh sb="5" eb="8">
      <t>キョシュツキン</t>
    </rPh>
    <phoneticPr fontId="1"/>
  </si>
  <si>
    <t xml:space="preserve"> 後期高齢者支援金</t>
    <rPh sb="1" eb="3">
      <t>コウキ</t>
    </rPh>
    <rPh sb="3" eb="6">
      <t>コウレイシャ</t>
    </rPh>
    <rPh sb="6" eb="9">
      <t>シエンキン</t>
    </rPh>
    <phoneticPr fontId="1"/>
  </si>
  <si>
    <t xml:space="preserve"> 事務費拠出金</t>
    <phoneticPr fontId="1"/>
  </si>
  <si>
    <t>前期高齢者拠出金</t>
    <rPh sb="0" eb="2">
      <t>ゼンキ</t>
    </rPh>
    <rPh sb="2" eb="5">
      <t>コウレイシャ</t>
    </rPh>
    <rPh sb="5" eb="8">
      <t>キョシュツキン</t>
    </rPh>
    <phoneticPr fontId="1"/>
  </si>
  <si>
    <t xml:space="preserve"> 前期高齢者納付金</t>
    <rPh sb="1" eb="3">
      <t>ゼンキ</t>
    </rPh>
    <rPh sb="3" eb="6">
      <t>コウレイシャ</t>
    </rPh>
    <rPh sb="6" eb="9">
      <t>ノウフキン</t>
    </rPh>
    <phoneticPr fontId="1"/>
  </si>
  <si>
    <t xml:space="preserve"> 事務費拠出金</t>
    <phoneticPr fontId="1"/>
  </si>
  <si>
    <t>老人保健拠出金</t>
  </si>
  <si>
    <t xml:space="preserve"> 医療費拠出金</t>
    <phoneticPr fontId="1"/>
  </si>
  <si>
    <t>　　　　介 護 納 付 金</t>
    <rPh sb="4" eb="7">
      <t>カイゴ</t>
    </rPh>
    <rPh sb="8" eb="13">
      <t>ノウフキン</t>
    </rPh>
    <phoneticPr fontId="1"/>
  </si>
  <si>
    <t xml:space="preserve">共同
事業
拠出
  金  </t>
    <rPh sb="0" eb="2">
      <t>キョウドウ</t>
    </rPh>
    <rPh sb="3" eb="5">
      <t>ジギョウ</t>
    </rPh>
    <rPh sb="6" eb="8">
      <t>キョシュツ</t>
    </rPh>
    <rPh sb="11" eb="12">
      <t>キン</t>
    </rPh>
    <phoneticPr fontId="1"/>
  </si>
  <si>
    <t>高額医療費共同事業拠出金</t>
    <rPh sb="0" eb="2">
      <t>コウガク</t>
    </rPh>
    <rPh sb="2" eb="5">
      <t>イリョウヒ</t>
    </rPh>
    <rPh sb="5" eb="7">
      <t>キョウドウ</t>
    </rPh>
    <rPh sb="7" eb="9">
      <t>ジギョウ</t>
    </rPh>
    <rPh sb="9" eb="12">
      <t>キョシュツキン</t>
    </rPh>
    <phoneticPr fontId="1"/>
  </si>
  <si>
    <t>保険財政共同安定化事業拠出金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rPh sb="11" eb="14">
      <t>キョシュツキン</t>
    </rPh>
    <phoneticPr fontId="1"/>
  </si>
  <si>
    <t>その他</t>
    <rPh sb="2" eb="3">
      <t>タ</t>
    </rPh>
    <phoneticPr fontId="1"/>
  </si>
  <si>
    <t>保健　　　事業費</t>
    <rPh sb="0" eb="2">
      <t>ホケン</t>
    </rPh>
    <rPh sb="5" eb="8">
      <t>ジギョウヒ</t>
    </rPh>
    <phoneticPr fontId="1"/>
  </si>
  <si>
    <t xml:space="preserve"> 特定健康診査等事業費</t>
    <rPh sb="1" eb="3">
      <t>トクテイ</t>
    </rPh>
    <rPh sb="3" eb="5">
      <t>ケンコウ</t>
    </rPh>
    <rPh sb="5" eb="7">
      <t>シンサ</t>
    </rPh>
    <rPh sb="7" eb="8">
      <t>トウ</t>
    </rPh>
    <rPh sb="8" eb="11">
      <t>ジギョウヒ</t>
    </rPh>
    <phoneticPr fontId="1"/>
  </si>
  <si>
    <t xml:space="preserve"> その他</t>
    <rPh sb="3" eb="4">
      <t>タ</t>
    </rPh>
    <phoneticPr fontId="1"/>
  </si>
  <si>
    <t>　直　診　勘　定　繰　出　金</t>
    <phoneticPr fontId="1"/>
  </si>
  <si>
    <t>　そ　の　他　の　支　出</t>
    <rPh sb="5" eb="6">
      <t>タ</t>
    </rPh>
    <rPh sb="9" eb="10">
      <t>ササ</t>
    </rPh>
    <rPh sb="11" eb="12">
      <t>デ</t>
    </rPh>
    <phoneticPr fontId="1"/>
  </si>
  <si>
    <t>　単　年　度　支　出　計</t>
    <rPh sb="1" eb="2">
      <t>タン</t>
    </rPh>
    <rPh sb="3" eb="4">
      <t>トシ</t>
    </rPh>
    <rPh sb="5" eb="6">
      <t>ド</t>
    </rPh>
    <rPh sb="7" eb="8">
      <t>ササ</t>
    </rPh>
    <rPh sb="9" eb="10">
      <t>デ</t>
    </rPh>
    <rPh sb="11" eb="12">
      <t>ケイ</t>
    </rPh>
    <phoneticPr fontId="1"/>
  </si>
  <si>
    <t>　基　金　等　積　立　金</t>
    <rPh sb="1" eb="2">
      <t>モト</t>
    </rPh>
    <rPh sb="3" eb="4">
      <t>キン</t>
    </rPh>
    <rPh sb="5" eb="6">
      <t>トウ</t>
    </rPh>
    <rPh sb="7" eb="8">
      <t>セキ</t>
    </rPh>
    <rPh sb="9" eb="10">
      <t>リツ</t>
    </rPh>
    <rPh sb="11" eb="12">
      <t>キン</t>
    </rPh>
    <phoneticPr fontId="1"/>
  </si>
  <si>
    <t>　前　年　度　繰　上　充　用　金</t>
    <phoneticPr fontId="1"/>
  </si>
  <si>
    <t>　公　　債　　費</t>
    <rPh sb="1" eb="2">
      <t>コウ</t>
    </rPh>
    <rPh sb="4" eb="5">
      <t>サイ</t>
    </rPh>
    <rPh sb="7" eb="8">
      <t>ヒ</t>
    </rPh>
    <phoneticPr fontId="1"/>
  </si>
  <si>
    <t>　支　　出　　合　　計</t>
    <rPh sb="1" eb="2">
      <t>ササ</t>
    </rPh>
    <rPh sb="4" eb="5">
      <t>デ</t>
    </rPh>
    <rPh sb="7" eb="8">
      <t>ゴウ</t>
    </rPh>
    <rPh sb="10" eb="11">
      <t>ケイ</t>
    </rPh>
    <phoneticPr fontId="1"/>
  </si>
  <si>
    <t>第６－３表  国民健康保険特別会計決算収支</t>
    <rPh sb="19" eb="21">
      <t>シュウシ</t>
    </rPh>
    <phoneticPr fontId="1"/>
  </si>
  <si>
    <t>28/27</t>
    <phoneticPr fontId="1"/>
  </si>
  <si>
    <t>27/26</t>
    <phoneticPr fontId="1"/>
  </si>
  <si>
    <t>26/25</t>
    <phoneticPr fontId="1"/>
  </si>
  <si>
    <t>27年度</t>
    <phoneticPr fontId="1"/>
  </si>
  <si>
    <t>21年度</t>
    <phoneticPr fontId="1"/>
  </si>
  <si>
    <t>20年度</t>
    <rPh sb="2" eb="4">
      <t>ネンド</t>
    </rPh>
    <phoneticPr fontId="1"/>
  </si>
  <si>
    <t>19年度</t>
    <phoneticPr fontId="1"/>
  </si>
  <si>
    <t>18年度</t>
    <phoneticPr fontId="1"/>
  </si>
  <si>
    <t>　単　　年　　度　　収　　支　　差</t>
    <rPh sb="1" eb="2">
      <t>タン</t>
    </rPh>
    <rPh sb="4" eb="5">
      <t>トシ</t>
    </rPh>
    <rPh sb="7" eb="8">
      <t>ド</t>
    </rPh>
    <rPh sb="10" eb="11">
      <t>オサム</t>
    </rPh>
    <rPh sb="13" eb="14">
      <t>ササ</t>
    </rPh>
    <rPh sb="16" eb="17">
      <t>サ</t>
    </rPh>
    <phoneticPr fontId="1"/>
  </si>
  <si>
    <t>－</t>
    <phoneticPr fontId="1"/>
  </si>
  <si>
    <t>　収　 支 　差 　引 　残</t>
    <phoneticPr fontId="1"/>
  </si>
  <si>
    <t>－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.000_);[Red]\(0.000\)"/>
    <numFmt numFmtId="177" formatCode="0.000"/>
    <numFmt numFmtId="178" formatCode="#,##0.000_ "/>
    <numFmt numFmtId="179" formatCode="#,##0.000_ ;[Red]\-#,##0.000\ 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7"/>
      <name val="ＭＳ Ｐゴシック"/>
      <family val="3"/>
      <charset val="128"/>
    </font>
    <font>
      <sz val="8.5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 style="dashed">
        <color indexed="64"/>
      </bottom>
      <diagonal/>
    </border>
    <border>
      <left/>
      <right style="medium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/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0" fontId="1" fillId="0" borderId="0"/>
  </cellStyleXfs>
  <cellXfs count="370">
    <xf numFmtId="0" fontId="0" fillId="0" borderId="0" xfId="0"/>
    <xf numFmtId="0" fontId="1" fillId="0" borderId="0" xfId="3" applyFont="1" applyAlignment="1" applyProtection="1">
      <alignment horizontal="left" vertical="center"/>
    </xf>
    <xf numFmtId="0" fontId="3" fillId="0" borderId="0" xfId="3" applyFont="1" applyAlignment="1" applyProtection="1">
      <alignment horizontal="left" vertical="center"/>
    </xf>
    <xf numFmtId="0" fontId="3" fillId="0" borderId="0" xfId="3" applyFont="1" applyBorder="1" applyAlignment="1" applyProtection="1">
      <alignment vertical="center"/>
    </xf>
    <xf numFmtId="0" fontId="3" fillId="0" borderId="0" xfId="3" applyFont="1" applyBorder="1" applyAlignment="1">
      <alignment vertical="center"/>
    </xf>
    <xf numFmtId="0" fontId="3" fillId="0" borderId="0" xfId="3" applyFont="1" applyAlignment="1">
      <alignment vertical="center"/>
    </xf>
    <xf numFmtId="0" fontId="1" fillId="0" borderId="0" xfId="3" applyFont="1" applyBorder="1" applyAlignment="1" applyProtection="1">
      <alignment horizontal="left" vertical="center"/>
    </xf>
    <xf numFmtId="0" fontId="3" fillId="0" borderId="0" xfId="3" applyFont="1" applyBorder="1" applyAlignment="1" applyProtection="1">
      <alignment horizontal="left" vertical="center"/>
    </xf>
    <xf numFmtId="0" fontId="4" fillId="0" borderId="0" xfId="3" applyFont="1" applyBorder="1" applyAlignment="1" applyProtection="1">
      <alignment vertical="center"/>
    </xf>
    <xf numFmtId="0" fontId="3" fillId="0" borderId="4" xfId="3" applyFont="1" applyBorder="1" applyAlignment="1" applyProtection="1">
      <alignment horizontal="distributed" justifyLastLine="1"/>
    </xf>
    <xf numFmtId="0" fontId="3" fillId="0" borderId="6" xfId="3" applyFont="1" applyBorder="1" applyAlignment="1" applyProtection="1">
      <alignment justifyLastLine="1"/>
    </xf>
    <xf numFmtId="0" fontId="1" fillId="0" borderId="6" xfId="0" applyFont="1" applyBorder="1" applyAlignment="1">
      <alignment justifyLastLine="1"/>
    </xf>
    <xf numFmtId="0" fontId="3" fillId="0" borderId="8" xfId="3" applyFont="1" applyBorder="1" applyAlignment="1" applyProtection="1">
      <alignment justifyLastLine="1"/>
    </xf>
    <xf numFmtId="0" fontId="1" fillId="0" borderId="8" xfId="0" applyFont="1" applyBorder="1" applyAlignment="1">
      <alignment justifyLastLine="1"/>
    </xf>
    <xf numFmtId="0" fontId="3" fillId="0" borderId="9" xfId="3" applyFont="1" applyBorder="1" applyAlignment="1">
      <alignment vertical="center"/>
    </xf>
    <xf numFmtId="0" fontId="3" fillId="0" borderId="13" xfId="3" applyFont="1" applyBorder="1" applyAlignment="1" applyProtection="1">
      <alignment horizontal="right" vertical="center"/>
    </xf>
    <xf numFmtId="56" fontId="3" fillId="0" borderId="15" xfId="3" quotePrefix="1" applyNumberFormat="1" applyFont="1" applyBorder="1" applyAlignment="1" applyProtection="1">
      <alignment horizontal="center" vertical="center"/>
    </xf>
    <xf numFmtId="56" fontId="3" fillId="0" borderId="15" xfId="3" applyNumberFormat="1" applyFont="1" applyBorder="1" applyAlignment="1" applyProtection="1">
      <alignment horizontal="center" vertical="center"/>
    </xf>
    <xf numFmtId="0" fontId="3" fillId="0" borderId="13" xfId="3" applyFont="1" applyFill="1" applyBorder="1" applyAlignment="1" applyProtection="1">
      <alignment horizontal="center" vertical="center"/>
    </xf>
    <xf numFmtId="0" fontId="3" fillId="0" borderId="16" xfId="3" applyFont="1" applyFill="1" applyBorder="1" applyAlignment="1" applyProtection="1">
      <alignment horizontal="center" vertical="center"/>
    </xf>
    <xf numFmtId="0" fontId="3" fillId="0" borderId="11" xfId="3" applyFont="1" applyFill="1" applyBorder="1" applyAlignment="1" applyProtection="1">
      <alignment horizontal="center" vertical="center"/>
    </xf>
    <xf numFmtId="0" fontId="3" fillId="0" borderId="16" xfId="3" applyFont="1" applyBorder="1" applyAlignment="1" applyProtection="1">
      <alignment horizontal="center" vertical="center"/>
    </xf>
    <xf numFmtId="0" fontId="3" fillId="0" borderId="17" xfId="3" applyFont="1" applyBorder="1" applyAlignment="1" applyProtection="1">
      <alignment horizontal="center" vertical="center"/>
    </xf>
    <xf numFmtId="0" fontId="3" fillId="0" borderId="18" xfId="3" applyFont="1" applyBorder="1" applyAlignment="1" applyProtection="1">
      <alignment horizontal="center" vertical="center"/>
    </xf>
    <xf numFmtId="38" fontId="3" fillId="0" borderId="22" xfId="1" applyFont="1" applyBorder="1" applyAlignment="1" applyProtection="1"/>
    <xf numFmtId="176" fontId="3" fillId="0" borderId="22" xfId="1" applyNumberFormat="1" applyFont="1" applyBorder="1" applyAlignment="1" applyProtection="1">
      <alignment horizontal="right"/>
    </xf>
    <xf numFmtId="176" fontId="3" fillId="0" borderId="23" xfId="3" applyNumberFormat="1" applyFont="1" applyBorder="1" applyAlignment="1" applyProtection="1"/>
    <xf numFmtId="10" fontId="3" fillId="0" borderId="22" xfId="3" applyNumberFormat="1" applyFont="1" applyBorder="1" applyAlignment="1" applyProtection="1"/>
    <xf numFmtId="10" fontId="3" fillId="0" borderId="24" xfId="3" applyNumberFormat="1" applyFont="1" applyBorder="1" applyAlignment="1" applyProtection="1"/>
    <xf numFmtId="10" fontId="3" fillId="0" borderId="25" xfId="3" applyNumberFormat="1" applyFont="1" applyBorder="1" applyAlignment="1" applyProtection="1"/>
    <xf numFmtId="10" fontId="3" fillId="0" borderId="24" xfId="2" applyNumberFormat="1" applyFont="1" applyBorder="1" applyAlignment="1" applyProtection="1"/>
    <xf numFmtId="10" fontId="3" fillId="0" borderId="26" xfId="2" applyNumberFormat="1" applyFont="1" applyBorder="1" applyAlignment="1" applyProtection="1"/>
    <xf numFmtId="0" fontId="3" fillId="0" borderId="28" xfId="3" applyFont="1" applyBorder="1" applyAlignment="1" applyProtection="1">
      <alignment horizontal="left"/>
    </xf>
    <xf numFmtId="0" fontId="3" fillId="0" borderId="29" xfId="3" applyFont="1" applyBorder="1" applyAlignment="1"/>
    <xf numFmtId="0" fontId="3" fillId="0" borderId="30" xfId="3" applyFont="1" applyBorder="1" applyAlignment="1"/>
    <xf numFmtId="38" fontId="3" fillId="0" borderId="31" xfId="1" applyFont="1" applyBorder="1" applyAlignment="1" applyProtection="1"/>
    <xf numFmtId="38" fontId="3" fillId="0" borderId="32" xfId="1" applyFont="1" applyBorder="1" applyAlignment="1" applyProtection="1"/>
    <xf numFmtId="38" fontId="3" fillId="0" borderId="28" xfId="1" applyFont="1" applyBorder="1" applyAlignment="1" applyProtection="1"/>
    <xf numFmtId="176" fontId="3" fillId="0" borderId="28" xfId="1" applyNumberFormat="1" applyFont="1" applyBorder="1" applyAlignment="1" applyProtection="1"/>
    <xf numFmtId="176" fontId="3" fillId="0" borderId="33" xfId="3" applyNumberFormat="1" applyFont="1" applyBorder="1" applyAlignment="1" applyProtection="1"/>
    <xf numFmtId="10" fontId="3" fillId="0" borderId="28" xfId="3" applyNumberFormat="1" applyFont="1" applyBorder="1" applyAlignment="1" applyProtection="1"/>
    <xf numFmtId="10" fontId="3" fillId="0" borderId="34" xfId="3" applyNumberFormat="1" applyFont="1" applyBorder="1" applyAlignment="1" applyProtection="1"/>
    <xf numFmtId="10" fontId="3" fillId="0" borderId="30" xfId="3" applyNumberFormat="1" applyFont="1" applyBorder="1" applyAlignment="1" applyProtection="1"/>
    <xf numFmtId="10" fontId="3" fillId="0" borderId="34" xfId="2" applyNumberFormat="1" applyFont="1" applyBorder="1" applyAlignment="1" applyProtection="1"/>
    <xf numFmtId="10" fontId="3" fillId="0" borderId="35" xfId="2" applyNumberFormat="1" applyFont="1" applyBorder="1" applyAlignment="1" applyProtection="1"/>
    <xf numFmtId="0" fontId="3" fillId="0" borderId="28" xfId="3" applyFont="1" applyBorder="1" applyAlignment="1"/>
    <xf numFmtId="38" fontId="3" fillId="0" borderId="37" xfId="1" applyFont="1" applyBorder="1" applyAlignment="1" applyProtection="1"/>
    <xf numFmtId="0" fontId="3" fillId="0" borderId="39" xfId="3" applyFont="1" applyBorder="1" applyAlignment="1"/>
    <xf numFmtId="0" fontId="3" fillId="0" borderId="40" xfId="3" applyFont="1" applyBorder="1" applyAlignment="1"/>
    <xf numFmtId="38" fontId="3" fillId="0" borderId="33" xfId="1" applyFont="1" applyBorder="1" applyAlignment="1" applyProtection="1"/>
    <xf numFmtId="176" fontId="3" fillId="0" borderId="33" xfId="3" applyNumberFormat="1" applyFont="1" applyBorder="1" applyAlignment="1" applyProtection="1">
      <alignment horizontal="center"/>
    </xf>
    <xf numFmtId="10" fontId="3" fillId="0" borderId="38" xfId="3" applyNumberFormat="1" applyFont="1" applyBorder="1" applyAlignment="1" applyProtection="1"/>
    <xf numFmtId="10" fontId="3" fillId="0" borderId="41" xfId="3" applyNumberFormat="1" applyFont="1" applyBorder="1" applyAlignment="1" applyProtection="1"/>
    <xf numFmtId="10" fontId="3" fillId="0" borderId="40" xfId="3" applyNumberFormat="1" applyFont="1" applyBorder="1" applyAlignment="1" applyProtection="1"/>
    <xf numFmtId="177" fontId="3" fillId="0" borderId="34" xfId="3" applyNumberFormat="1" applyFont="1" applyBorder="1" applyAlignment="1" applyProtection="1">
      <alignment horizontal="center"/>
    </xf>
    <xf numFmtId="177" fontId="3" fillId="0" borderId="35" xfId="3" applyNumberFormat="1" applyFont="1" applyBorder="1" applyAlignment="1" applyProtection="1">
      <alignment horizontal="center"/>
    </xf>
    <xf numFmtId="0" fontId="3" fillId="0" borderId="28" xfId="3" applyFont="1" applyFill="1" applyBorder="1" applyAlignment="1" applyProtection="1">
      <alignment horizontal="left"/>
    </xf>
    <xf numFmtId="0" fontId="3" fillId="0" borderId="28" xfId="3" applyFont="1" applyFill="1" applyBorder="1" applyAlignment="1"/>
    <xf numFmtId="176" fontId="3" fillId="0" borderId="28" xfId="1" applyNumberFormat="1" applyFont="1" applyFill="1" applyBorder="1" applyAlignment="1" applyProtection="1"/>
    <xf numFmtId="10" fontId="3" fillId="0" borderId="28" xfId="3" applyNumberFormat="1" applyFont="1" applyFill="1" applyBorder="1" applyAlignment="1" applyProtection="1"/>
    <xf numFmtId="10" fontId="3" fillId="0" borderId="34" xfId="3" applyNumberFormat="1" applyFont="1" applyFill="1" applyBorder="1" applyAlignment="1" applyProtection="1"/>
    <xf numFmtId="10" fontId="3" fillId="0" borderId="30" xfId="3" applyNumberFormat="1" applyFont="1" applyFill="1" applyBorder="1" applyAlignment="1" applyProtection="1"/>
    <xf numFmtId="10" fontId="3" fillId="0" borderId="35" xfId="2" applyNumberFormat="1" applyFont="1" applyFill="1" applyBorder="1" applyAlignment="1" applyProtection="1"/>
    <xf numFmtId="10" fontId="3" fillId="0" borderId="34" xfId="2" applyNumberFormat="1" applyFont="1" applyFill="1" applyBorder="1" applyAlignment="1" applyProtection="1"/>
    <xf numFmtId="0" fontId="3" fillId="0" borderId="22" xfId="3" applyFont="1" applyBorder="1" applyAlignment="1" applyProtection="1">
      <alignment horizontal="left"/>
    </xf>
    <xf numFmtId="0" fontId="3" fillId="0" borderId="25" xfId="3" applyFont="1" applyBorder="1" applyAlignment="1"/>
    <xf numFmtId="38" fontId="3" fillId="0" borderId="42" xfId="1" applyFont="1" applyBorder="1" applyAlignment="1" applyProtection="1"/>
    <xf numFmtId="176" fontId="3" fillId="0" borderId="42" xfId="3" applyNumberFormat="1" applyFont="1" applyBorder="1" applyAlignment="1" applyProtection="1">
      <alignment horizontal="center"/>
    </xf>
    <xf numFmtId="176" fontId="3" fillId="0" borderId="22" xfId="3" applyNumberFormat="1" applyFont="1" applyBorder="1" applyAlignment="1" applyProtection="1">
      <alignment horizontal="center"/>
    </xf>
    <xf numFmtId="176" fontId="3" fillId="0" borderId="22" xfId="1" applyNumberFormat="1" applyFont="1" applyBorder="1" applyAlignment="1" applyProtection="1">
      <alignment horizontal="center"/>
    </xf>
    <xf numFmtId="176" fontId="3" fillId="0" borderId="22" xfId="1" applyNumberFormat="1" applyFont="1" applyBorder="1" applyAlignment="1" applyProtection="1"/>
    <xf numFmtId="10" fontId="3" fillId="0" borderId="43" xfId="2" applyNumberFormat="1" applyFont="1" applyBorder="1" applyAlignment="1" applyProtection="1"/>
    <xf numFmtId="10" fontId="3" fillId="0" borderId="44" xfId="2" applyNumberFormat="1" applyFont="1" applyBorder="1" applyAlignment="1" applyProtection="1"/>
    <xf numFmtId="38" fontId="3" fillId="0" borderId="49" xfId="3" applyNumberFormat="1" applyFont="1" applyBorder="1" applyAlignment="1">
      <alignment horizontal="right"/>
    </xf>
    <xf numFmtId="38" fontId="3" fillId="0" borderId="22" xfId="3" applyNumberFormat="1" applyFont="1" applyBorder="1" applyAlignment="1">
      <alignment horizontal="right"/>
    </xf>
    <xf numFmtId="10" fontId="3" fillId="0" borderId="50" xfId="2" applyNumberFormat="1" applyFont="1" applyBorder="1" applyAlignment="1" applyProtection="1"/>
    <xf numFmtId="10" fontId="3" fillId="0" borderId="9" xfId="3" applyNumberFormat="1" applyFont="1" applyBorder="1" applyAlignment="1">
      <alignment vertical="center"/>
    </xf>
    <xf numFmtId="0" fontId="3" fillId="0" borderId="47" xfId="3" applyFont="1" applyBorder="1" applyAlignment="1" applyProtection="1"/>
    <xf numFmtId="0" fontId="3" fillId="0" borderId="48" xfId="3" applyFont="1" applyBorder="1" applyAlignment="1" applyProtection="1"/>
    <xf numFmtId="176" fontId="3" fillId="0" borderId="23" xfId="3" applyNumberFormat="1" applyFont="1" applyBorder="1" applyAlignment="1" applyProtection="1">
      <alignment horizontal="center"/>
    </xf>
    <xf numFmtId="10" fontId="3" fillId="0" borderId="23" xfId="3" applyNumberFormat="1" applyFont="1" applyBorder="1" applyAlignment="1" applyProtection="1">
      <alignment horizontal="right"/>
    </xf>
    <xf numFmtId="10" fontId="3" fillId="0" borderId="24" xfId="3" applyNumberFormat="1" applyFont="1" applyBorder="1" applyAlignment="1" applyProtection="1">
      <alignment horizontal="right"/>
    </xf>
    <xf numFmtId="10" fontId="3" fillId="0" borderId="52" xfId="3" applyNumberFormat="1" applyFont="1" applyBorder="1" applyAlignment="1" applyProtection="1">
      <alignment horizontal="right"/>
    </xf>
    <xf numFmtId="177" fontId="3" fillId="0" borderId="24" xfId="3" applyNumberFormat="1" applyFont="1" applyBorder="1" applyAlignment="1" applyProtection="1">
      <alignment horizontal="center"/>
    </xf>
    <xf numFmtId="177" fontId="3" fillId="0" borderId="26" xfId="3" applyNumberFormat="1" applyFont="1" applyBorder="1" applyAlignment="1" applyProtection="1">
      <alignment horizontal="center"/>
    </xf>
    <xf numFmtId="10" fontId="3" fillId="0" borderId="53" xfId="2" applyNumberFormat="1" applyFont="1" applyBorder="1" applyAlignment="1" applyProtection="1"/>
    <xf numFmtId="0" fontId="1" fillId="0" borderId="54" xfId="0" applyFont="1" applyBorder="1" applyAlignment="1"/>
    <xf numFmtId="0" fontId="1" fillId="0" borderId="55" xfId="0" applyFont="1" applyBorder="1" applyAlignment="1"/>
    <xf numFmtId="176" fontId="3" fillId="0" borderId="57" xfId="1" applyNumberFormat="1" applyFont="1" applyBorder="1" applyAlignment="1" applyProtection="1"/>
    <xf numFmtId="10" fontId="3" fillId="0" borderId="56" xfId="3" applyNumberFormat="1" applyFont="1" applyBorder="1" applyAlignment="1" applyProtection="1"/>
    <xf numFmtId="10" fontId="3" fillId="0" borderId="58" xfId="3" applyNumberFormat="1" applyFont="1" applyBorder="1" applyAlignment="1" applyProtection="1"/>
    <xf numFmtId="10" fontId="3" fillId="0" borderId="59" xfId="3" applyNumberFormat="1" applyFont="1" applyBorder="1" applyAlignment="1" applyProtection="1"/>
    <xf numFmtId="10" fontId="3" fillId="0" borderId="58" xfId="2" applyNumberFormat="1" applyFont="1" applyBorder="1" applyAlignment="1" applyProtection="1"/>
    <xf numFmtId="10" fontId="3" fillId="0" borderId="60" xfId="2" applyNumberFormat="1" applyFont="1" applyBorder="1" applyAlignment="1" applyProtection="1"/>
    <xf numFmtId="38" fontId="3" fillId="0" borderId="61" xfId="1" applyFont="1" applyBorder="1" applyAlignment="1" applyProtection="1"/>
    <xf numFmtId="176" fontId="3" fillId="0" borderId="61" xfId="3" applyNumberFormat="1" applyFont="1" applyBorder="1" applyAlignment="1" applyProtection="1"/>
    <xf numFmtId="10" fontId="3" fillId="0" borderId="61" xfId="3" applyNumberFormat="1" applyFont="1" applyBorder="1" applyAlignment="1" applyProtection="1">
      <alignment horizontal="right"/>
    </xf>
    <xf numFmtId="10" fontId="3" fillId="0" borderId="62" xfId="3" applyNumberFormat="1" applyFont="1" applyBorder="1" applyAlignment="1" applyProtection="1">
      <alignment horizontal="right"/>
    </xf>
    <xf numFmtId="10" fontId="3" fillId="0" borderId="63" xfId="3" applyNumberFormat="1" applyFont="1" applyBorder="1" applyAlignment="1" applyProtection="1">
      <alignment horizontal="right"/>
    </xf>
    <xf numFmtId="177" fontId="3" fillId="0" borderId="62" xfId="3" applyNumberFormat="1" applyFont="1" applyBorder="1" applyAlignment="1" applyProtection="1">
      <alignment horizontal="center"/>
    </xf>
    <xf numFmtId="177" fontId="3" fillId="0" borderId="64" xfId="3" applyNumberFormat="1" applyFont="1" applyBorder="1" applyAlignment="1" applyProtection="1">
      <alignment horizontal="center"/>
    </xf>
    <xf numFmtId="10" fontId="3" fillId="0" borderId="65" xfId="2" applyNumberFormat="1" applyFont="1" applyBorder="1" applyAlignment="1" applyProtection="1"/>
    <xf numFmtId="176" fontId="3" fillId="0" borderId="37" xfId="1" applyNumberFormat="1" applyFont="1" applyBorder="1" applyAlignment="1" applyProtection="1">
      <alignment horizontal="right"/>
    </xf>
    <xf numFmtId="10" fontId="3" fillId="0" borderId="37" xfId="3" applyNumberFormat="1" applyFont="1" applyBorder="1" applyAlignment="1" applyProtection="1">
      <alignment horizontal="right"/>
    </xf>
    <xf numFmtId="10" fontId="3" fillId="0" borderId="41" xfId="3" applyNumberFormat="1" applyFont="1" applyBorder="1" applyAlignment="1" applyProtection="1">
      <alignment horizontal="right"/>
    </xf>
    <xf numFmtId="10" fontId="3" fillId="0" borderId="40" xfId="3" applyNumberFormat="1" applyFont="1" applyBorder="1" applyAlignment="1" applyProtection="1">
      <alignment horizontal="right"/>
    </xf>
    <xf numFmtId="10" fontId="3" fillId="0" borderId="41" xfId="2" applyNumberFormat="1" applyFont="1" applyBorder="1" applyAlignment="1" applyProtection="1"/>
    <xf numFmtId="10" fontId="3" fillId="0" borderId="67" xfId="2" applyNumberFormat="1" applyFont="1" applyBorder="1" applyAlignment="1" applyProtection="1"/>
    <xf numFmtId="10" fontId="3" fillId="0" borderId="68" xfId="2" applyNumberFormat="1" applyFont="1" applyBorder="1" applyAlignment="1" applyProtection="1"/>
    <xf numFmtId="177" fontId="3" fillId="0" borderId="69" xfId="3" applyNumberFormat="1" applyFont="1" applyBorder="1" applyAlignment="1" applyProtection="1">
      <alignment horizontal="center"/>
    </xf>
    <xf numFmtId="176" fontId="3" fillId="0" borderId="33" xfId="1" applyNumberFormat="1" applyFont="1" applyBorder="1" applyAlignment="1" applyProtection="1">
      <alignment horizontal="right"/>
    </xf>
    <xf numFmtId="10" fontId="3" fillId="0" borderId="33" xfId="3" applyNumberFormat="1" applyFont="1" applyBorder="1" applyAlignment="1" applyProtection="1">
      <alignment horizontal="right"/>
    </xf>
    <xf numFmtId="10" fontId="3" fillId="0" borderId="34" xfId="3" applyNumberFormat="1" applyFont="1" applyBorder="1" applyAlignment="1" applyProtection="1">
      <alignment horizontal="right"/>
    </xf>
    <xf numFmtId="10" fontId="3" fillId="0" borderId="70" xfId="3" applyNumberFormat="1" applyFont="1" applyBorder="1" applyAlignment="1" applyProtection="1">
      <alignment horizontal="right"/>
    </xf>
    <xf numFmtId="10" fontId="3" fillId="0" borderId="69" xfId="2" applyNumberFormat="1" applyFont="1" applyBorder="1" applyAlignment="1" applyProtection="1"/>
    <xf numFmtId="176" fontId="3" fillId="0" borderId="33" xfId="3" applyNumberFormat="1" applyFont="1" applyBorder="1" applyAlignment="1" applyProtection="1">
      <alignment horizontal="right"/>
    </xf>
    <xf numFmtId="177" fontId="3" fillId="0" borderId="53" xfId="3" applyNumberFormat="1" applyFont="1" applyBorder="1" applyAlignment="1" applyProtection="1">
      <alignment horizontal="center"/>
    </xf>
    <xf numFmtId="0" fontId="3" fillId="0" borderId="71" xfId="3" applyFont="1" applyBorder="1" applyAlignment="1" applyProtection="1"/>
    <xf numFmtId="0" fontId="3" fillId="0" borderId="72" xfId="3" applyFont="1" applyBorder="1" applyAlignment="1">
      <alignment horizontal="centerContinuous"/>
    </xf>
    <xf numFmtId="0" fontId="3" fillId="0" borderId="73" xfId="3" applyFont="1" applyBorder="1" applyAlignment="1">
      <alignment horizontal="centerContinuous"/>
    </xf>
    <xf numFmtId="38" fontId="3" fillId="0" borderId="23" xfId="1" applyFont="1" applyBorder="1" applyAlignment="1" applyProtection="1"/>
    <xf numFmtId="176" fontId="3" fillId="0" borderId="23" xfId="1" applyNumberFormat="1" applyFont="1" applyBorder="1" applyAlignment="1" applyProtection="1"/>
    <xf numFmtId="10" fontId="3" fillId="0" borderId="23" xfId="3" applyNumberFormat="1" applyFont="1" applyBorder="1" applyAlignment="1" applyProtection="1"/>
    <xf numFmtId="10" fontId="3" fillId="0" borderId="52" xfId="3" applyNumberFormat="1" applyFont="1" applyBorder="1" applyAlignment="1" applyProtection="1"/>
    <xf numFmtId="0" fontId="3" fillId="0" borderId="74" xfId="3" applyFont="1" applyBorder="1" applyAlignment="1" applyProtection="1"/>
    <xf numFmtId="0" fontId="3" fillId="0" borderId="25" xfId="3" applyFont="1" applyBorder="1" applyAlignment="1" applyProtection="1">
      <alignment horizontal="centerContinuous"/>
    </xf>
    <xf numFmtId="0" fontId="3" fillId="0" borderId="25" xfId="3" applyFont="1" applyBorder="1" applyAlignment="1">
      <alignment horizontal="centerContinuous"/>
    </xf>
    <xf numFmtId="10" fontId="3" fillId="0" borderId="22" xfId="3" applyNumberFormat="1" applyFont="1" applyBorder="1" applyAlignment="1" applyProtection="1">
      <alignment horizontal="right"/>
    </xf>
    <xf numFmtId="10" fontId="3" fillId="0" borderId="25" xfId="3" applyNumberFormat="1" applyFont="1" applyBorder="1" applyAlignment="1" applyProtection="1">
      <alignment horizontal="right"/>
    </xf>
    <xf numFmtId="38" fontId="3" fillId="0" borderId="29" xfId="1" applyFont="1" applyBorder="1" applyAlignment="1" applyProtection="1"/>
    <xf numFmtId="176" fontId="3" fillId="0" borderId="32" xfId="1" applyNumberFormat="1" applyFont="1" applyBorder="1" applyAlignment="1" applyProtection="1"/>
    <xf numFmtId="10" fontId="3" fillId="0" borderId="29" xfId="3" applyNumberFormat="1" applyFont="1" applyFill="1" applyBorder="1" applyAlignment="1" applyProtection="1"/>
    <xf numFmtId="10" fontId="3" fillId="0" borderId="77" xfId="3" applyNumberFormat="1" applyFont="1" applyFill="1" applyBorder="1" applyAlignment="1" applyProtection="1"/>
    <xf numFmtId="10" fontId="3" fillId="0" borderId="55" xfId="3" applyNumberFormat="1" applyFont="1" applyFill="1" applyBorder="1" applyAlignment="1" applyProtection="1"/>
    <xf numFmtId="10" fontId="3" fillId="0" borderId="78" xfId="2" applyNumberFormat="1" applyFont="1" applyFill="1" applyBorder="1" applyAlignment="1" applyProtection="1"/>
    <xf numFmtId="10" fontId="3" fillId="0" borderId="79" xfId="2" applyNumberFormat="1" applyFont="1" applyFill="1" applyBorder="1" applyAlignment="1" applyProtection="1"/>
    <xf numFmtId="176" fontId="3" fillId="0" borderId="23" xfId="1" applyNumberFormat="1" applyFont="1" applyFill="1" applyBorder="1" applyAlignment="1" applyProtection="1"/>
    <xf numFmtId="10" fontId="3" fillId="0" borderId="80" xfId="2" applyNumberFormat="1" applyFont="1" applyFill="1" applyBorder="1" applyAlignment="1" applyProtection="1"/>
    <xf numFmtId="10" fontId="3" fillId="0" borderId="81" xfId="2" applyNumberFormat="1" applyFont="1" applyFill="1" applyBorder="1" applyAlignment="1" applyProtection="1"/>
    <xf numFmtId="177" fontId="3" fillId="0" borderId="81" xfId="3" applyNumberFormat="1" applyFont="1" applyBorder="1" applyAlignment="1" applyProtection="1">
      <alignment horizontal="center"/>
    </xf>
    <xf numFmtId="10" fontId="3" fillId="0" borderId="28" xfId="3" applyNumberFormat="1" applyFont="1" applyBorder="1" applyAlignment="1" applyProtection="1">
      <alignment horizontal="right"/>
    </xf>
    <xf numFmtId="10" fontId="3" fillId="0" borderId="30" xfId="3" applyNumberFormat="1" applyFont="1" applyBorder="1" applyAlignment="1" applyProtection="1">
      <alignment horizontal="right"/>
    </xf>
    <xf numFmtId="10" fontId="3" fillId="0" borderId="38" xfId="2" applyNumberFormat="1" applyFont="1" applyBorder="1" applyAlignment="1" applyProtection="1"/>
    <xf numFmtId="10" fontId="3" fillId="0" borderId="39" xfId="2" applyNumberFormat="1" applyFont="1" applyBorder="1" applyAlignment="1" applyProtection="1"/>
    <xf numFmtId="10" fontId="3" fillId="0" borderId="0" xfId="3" applyNumberFormat="1" applyFont="1" applyAlignment="1">
      <alignment vertical="center"/>
    </xf>
    <xf numFmtId="0" fontId="3" fillId="0" borderId="37" xfId="3" applyFont="1" applyBorder="1" applyAlignment="1"/>
    <xf numFmtId="38" fontId="3" fillId="0" borderId="38" xfId="1" applyFont="1" applyBorder="1" applyAlignment="1" applyProtection="1"/>
    <xf numFmtId="10" fontId="3" fillId="0" borderId="39" xfId="3" applyNumberFormat="1" applyFont="1" applyBorder="1" applyAlignment="1" applyProtection="1"/>
    <xf numFmtId="0" fontId="3" fillId="0" borderId="52" xfId="3" applyFont="1" applyBorder="1" applyAlignment="1"/>
    <xf numFmtId="176" fontId="3" fillId="0" borderId="71" xfId="1" applyNumberFormat="1" applyFont="1" applyBorder="1" applyAlignment="1" applyProtection="1"/>
    <xf numFmtId="10" fontId="3" fillId="0" borderId="71" xfId="3" applyNumberFormat="1" applyFont="1" applyBorder="1" applyAlignment="1" applyProtection="1"/>
    <xf numFmtId="10" fontId="3" fillId="0" borderId="43" xfId="3" applyNumberFormat="1" applyFont="1" applyBorder="1" applyAlignment="1" applyProtection="1"/>
    <xf numFmtId="10" fontId="3" fillId="0" borderId="72" xfId="3" applyNumberFormat="1" applyFont="1" applyBorder="1" applyAlignment="1" applyProtection="1"/>
    <xf numFmtId="10" fontId="3" fillId="0" borderId="22" xfId="2" applyNumberFormat="1" applyFont="1" applyBorder="1" applyAlignment="1" applyProtection="1"/>
    <xf numFmtId="10" fontId="3" fillId="0" borderId="25" xfId="2" applyNumberFormat="1" applyFont="1" applyBorder="1" applyAlignment="1" applyProtection="1"/>
    <xf numFmtId="176" fontId="3" fillId="0" borderId="22" xfId="1" applyNumberFormat="1" applyFont="1" applyFill="1" applyBorder="1" applyAlignment="1" applyProtection="1">
      <alignment horizontal="right"/>
    </xf>
    <xf numFmtId="10" fontId="3" fillId="0" borderId="22" xfId="3" applyNumberFormat="1" applyFont="1" applyFill="1" applyBorder="1" applyAlignment="1" applyProtection="1">
      <alignment horizontal="right"/>
    </xf>
    <xf numFmtId="10" fontId="3" fillId="0" borderId="24" xfId="3" applyNumberFormat="1" applyFont="1" applyFill="1" applyBorder="1" applyAlignment="1" applyProtection="1">
      <alignment horizontal="right"/>
    </xf>
    <xf numFmtId="10" fontId="3" fillId="0" borderId="25" xfId="3" applyNumberFormat="1" applyFont="1" applyFill="1" applyBorder="1" applyAlignment="1" applyProtection="1">
      <alignment horizontal="right"/>
    </xf>
    <xf numFmtId="10" fontId="3" fillId="0" borderId="85" xfId="2" applyNumberFormat="1" applyFont="1" applyBorder="1" applyAlignment="1" applyProtection="1"/>
    <xf numFmtId="10" fontId="3" fillId="0" borderId="23" xfId="3" applyNumberFormat="1" applyFont="1" applyFill="1" applyBorder="1" applyAlignment="1" applyProtection="1">
      <alignment horizontal="right"/>
    </xf>
    <xf numFmtId="10" fontId="3" fillId="0" borderId="52" xfId="3" applyNumberFormat="1" applyFont="1" applyFill="1" applyBorder="1" applyAlignment="1" applyProtection="1">
      <alignment horizontal="right"/>
    </xf>
    <xf numFmtId="10" fontId="3" fillId="0" borderId="85" xfId="3" applyNumberFormat="1" applyFont="1" applyFill="1" applyBorder="1" applyAlignment="1" applyProtection="1">
      <alignment horizontal="right"/>
    </xf>
    <xf numFmtId="176" fontId="3" fillId="0" borderId="31" xfId="1" applyNumberFormat="1" applyFont="1" applyBorder="1" applyAlignment="1" applyProtection="1"/>
    <xf numFmtId="10" fontId="3" fillId="0" borderId="31" xfId="3" applyNumberFormat="1" applyFont="1" applyFill="1" applyBorder="1" applyAlignment="1" applyProtection="1"/>
    <xf numFmtId="10" fontId="3" fillId="0" borderId="86" xfId="3" applyNumberFormat="1" applyFont="1" applyFill="1" applyBorder="1" applyAlignment="1" applyProtection="1"/>
    <xf numFmtId="10" fontId="3" fillId="0" borderId="0" xfId="3" applyNumberFormat="1" applyFont="1" applyFill="1" applyBorder="1" applyAlignment="1" applyProtection="1"/>
    <xf numFmtId="10" fontId="3" fillId="0" borderId="86" xfId="2" applyNumberFormat="1" applyFont="1" applyFill="1" applyBorder="1" applyAlignment="1" applyProtection="1"/>
    <xf numFmtId="10" fontId="3" fillId="0" borderId="53" xfId="2" applyNumberFormat="1" applyFont="1" applyFill="1" applyBorder="1" applyAlignment="1" applyProtection="1"/>
    <xf numFmtId="10" fontId="3" fillId="0" borderId="17" xfId="2" applyNumberFormat="1" applyFont="1" applyBorder="1" applyAlignment="1" applyProtection="1"/>
    <xf numFmtId="176" fontId="3" fillId="0" borderId="46" xfId="1" applyNumberFormat="1" applyFont="1" applyBorder="1" applyAlignment="1" applyProtection="1"/>
    <xf numFmtId="10" fontId="3" fillId="0" borderId="46" xfId="3" applyNumberFormat="1" applyFont="1" applyBorder="1" applyAlignment="1" applyProtection="1"/>
    <xf numFmtId="10" fontId="3" fillId="0" borderId="50" xfId="3" applyNumberFormat="1" applyFont="1" applyBorder="1" applyAlignment="1" applyProtection="1"/>
    <xf numFmtId="10" fontId="3" fillId="0" borderId="47" xfId="3" applyNumberFormat="1" applyFont="1" applyBorder="1" applyAlignment="1" applyProtection="1"/>
    <xf numFmtId="38" fontId="3" fillId="0" borderId="90" xfId="1" applyFont="1" applyBorder="1" applyAlignment="1" applyProtection="1"/>
    <xf numFmtId="176" fontId="3" fillId="0" borderId="83" xfId="3" applyNumberFormat="1" applyFont="1" applyBorder="1" applyAlignment="1" applyProtection="1">
      <alignment horizontal="center"/>
    </xf>
    <xf numFmtId="176" fontId="3" fillId="0" borderId="15" xfId="3" applyNumberFormat="1" applyFont="1" applyBorder="1" applyAlignment="1" applyProtection="1">
      <alignment horizontal="center"/>
    </xf>
    <xf numFmtId="10" fontId="3" fillId="0" borderId="90" xfId="3" applyNumberFormat="1" applyFont="1" applyBorder="1" applyAlignment="1" applyProtection="1"/>
    <xf numFmtId="10" fontId="3" fillId="0" borderId="91" xfId="3" applyNumberFormat="1" applyFont="1" applyBorder="1" applyAlignment="1" applyProtection="1"/>
    <xf numFmtId="10" fontId="3" fillId="0" borderId="88" xfId="3" applyNumberFormat="1" applyFont="1" applyBorder="1" applyAlignment="1" applyProtection="1"/>
    <xf numFmtId="10" fontId="3" fillId="0" borderId="91" xfId="2" applyNumberFormat="1" applyFont="1" applyBorder="1" applyAlignment="1" applyProtection="1"/>
    <xf numFmtId="10" fontId="3" fillId="0" borderId="18" xfId="2" applyNumberFormat="1" applyFont="1" applyBorder="1" applyAlignment="1" applyProtection="1"/>
    <xf numFmtId="38" fontId="3" fillId="0" borderId="95" xfId="1" applyFont="1" applyBorder="1" applyAlignment="1" applyProtection="1"/>
    <xf numFmtId="176" fontId="3" fillId="0" borderId="96" xfId="1" applyNumberFormat="1" applyFont="1" applyBorder="1" applyAlignment="1" applyProtection="1"/>
    <xf numFmtId="176" fontId="3" fillId="0" borderId="95" xfId="1" applyNumberFormat="1" applyFont="1" applyBorder="1" applyAlignment="1" applyProtection="1"/>
    <xf numFmtId="10" fontId="3" fillId="0" borderId="95" xfId="3" applyNumberFormat="1" applyFont="1" applyBorder="1" applyAlignment="1" applyProtection="1"/>
    <xf numFmtId="10" fontId="3" fillId="0" borderId="98" xfId="3" applyNumberFormat="1" applyFont="1" applyBorder="1" applyAlignment="1" applyProtection="1"/>
    <xf numFmtId="10" fontId="3" fillId="0" borderId="93" xfId="3" applyNumberFormat="1" applyFont="1" applyBorder="1" applyAlignment="1" applyProtection="1"/>
    <xf numFmtId="10" fontId="3" fillId="0" borderId="98" xfId="2" applyNumberFormat="1" applyFont="1" applyBorder="1" applyAlignment="1" applyProtection="1"/>
    <xf numFmtId="10" fontId="3" fillId="0" borderId="99" xfId="2" applyNumberFormat="1" applyFont="1" applyBorder="1" applyAlignment="1" applyProtection="1"/>
    <xf numFmtId="56" fontId="3" fillId="0" borderId="14" xfId="3" quotePrefix="1" applyNumberFormat="1" applyFont="1" applyBorder="1" applyAlignment="1" applyProtection="1">
      <alignment horizontal="center" vertical="center"/>
    </xf>
    <xf numFmtId="56" fontId="3" fillId="0" borderId="14" xfId="3" applyNumberFormat="1" applyFont="1" applyBorder="1" applyAlignment="1" applyProtection="1">
      <alignment horizontal="center" vertical="center"/>
    </xf>
    <xf numFmtId="0" fontId="3" fillId="0" borderId="13" xfId="3" applyFont="1" applyBorder="1" applyAlignment="1" applyProtection="1">
      <alignment horizontal="center" vertical="center"/>
    </xf>
    <xf numFmtId="0" fontId="3" fillId="0" borderId="9" xfId="3" applyFont="1" applyBorder="1" applyAlignment="1"/>
    <xf numFmtId="178" fontId="3" fillId="0" borderId="22" xfId="1" applyNumberFormat="1" applyFont="1" applyBorder="1" applyAlignment="1" applyProtection="1"/>
    <xf numFmtId="10" fontId="3" fillId="0" borderId="100" xfId="3" applyNumberFormat="1" applyFont="1" applyBorder="1" applyAlignment="1" applyProtection="1"/>
    <xf numFmtId="10" fontId="3" fillId="0" borderId="101" xfId="2" applyNumberFormat="1" applyFont="1" applyBorder="1" applyAlignment="1" applyProtection="1"/>
    <xf numFmtId="0" fontId="3" fillId="0" borderId="30" xfId="3" applyFont="1" applyBorder="1" applyAlignment="1" applyProtection="1">
      <alignment horizontal="center"/>
    </xf>
    <xf numFmtId="178" fontId="3" fillId="0" borderId="28" xfId="1" applyNumberFormat="1" applyFont="1" applyBorder="1" applyAlignment="1" applyProtection="1"/>
    <xf numFmtId="178" fontId="3" fillId="0" borderId="33" xfId="3" applyNumberFormat="1" applyFont="1" applyBorder="1" applyAlignment="1" applyProtection="1"/>
    <xf numFmtId="10" fontId="3" fillId="0" borderId="33" xfId="3" applyNumberFormat="1" applyFont="1" applyBorder="1" applyAlignment="1" applyProtection="1"/>
    <xf numFmtId="0" fontId="3" fillId="0" borderId="25" xfId="3" applyFont="1" applyBorder="1" applyAlignment="1" applyProtection="1">
      <alignment horizontal="center"/>
    </xf>
    <xf numFmtId="0" fontId="3" fillId="0" borderId="30" xfId="3" applyFont="1" applyBorder="1" applyAlignment="1">
      <alignment horizontal="centerContinuous"/>
    </xf>
    <xf numFmtId="38" fontId="3" fillId="0" borderId="102" xfId="1" applyFont="1" applyBorder="1" applyAlignment="1" applyProtection="1"/>
    <xf numFmtId="10" fontId="3" fillId="0" borderId="77" xfId="2" applyNumberFormat="1" applyFont="1" applyBorder="1" applyAlignment="1" applyProtection="1"/>
    <xf numFmtId="0" fontId="3" fillId="0" borderId="0" xfId="3" applyFont="1" applyAlignment="1"/>
    <xf numFmtId="178" fontId="3" fillId="0" borderId="28" xfId="1" applyNumberFormat="1" applyFont="1" applyBorder="1" applyAlignment="1" applyProtection="1">
      <alignment horizontal="right"/>
    </xf>
    <xf numFmtId="0" fontId="3" fillId="0" borderId="30" xfId="3" applyFont="1" applyFill="1" applyBorder="1" applyAlignment="1">
      <alignment horizontal="centerContinuous"/>
    </xf>
    <xf numFmtId="178" fontId="3" fillId="0" borderId="28" xfId="1" applyNumberFormat="1" applyFont="1" applyFill="1" applyBorder="1" applyAlignment="1" applyProtection="1"/>
    <xf numFmtId="10" fontId="3" fillId="0" borderId="33" xfId="3" applyNumberFormat="1" applyFont="1" applyFill="1" applyBorder="1" applyAlignment="1" applyProtection="1"/>
    <xf numFmtId="10" fontId="3" fillId="0" borderId="67" xfId="2" applyNumberFormat="1" applyFont="1" applyFill="1" applyBorder="1" applyAlignment="1" applyProtection="1"/>
    <xf numFmtId="0" fontId="3" fillId="0" borderId="25" xfId="3" applyFont="1" applyBorder="1" applyAlignment="1">
      <alignment horizontal="center"/>
    </xf>
    <xf numFmtId="38" fontId="3" fillId="0" borderId="23" xfId="3" applyNumberFormat="1" applyFont="1" applyBorder="1" applyAlignment="1">
      <alignment horizontal="right"/>
    </xf>
    <xf numFmtId="10" fontId="3" fillId="0" borderId="32" xfId="3" applyNumberFormat="1" applyFont="1" applyBorder="1" applyAlignment="1" applyProtection="1"/>
    <xf numFmtId="0" fontId="3" fillId="0" borderId="52" xfId="3" applyFont="1" applyBorder="1" applyAlignment="1" applyProtection="1">
      <alignment horizontal="left"/>
    </xf>
    <xf numFmtId="178" fontId="3" fillId="0" borderId="42" xfId="3" applyNumberFormat="1" applyFont="1" applyBorder="1" applyAlignment="1" applyProtection="1"/>
    <xf numFmtId="177" fontId="3" fillId="0" borderId="43" xfId="3" applyNumberFormat="1" applyFont="1" applyBorder="1" applyAlignment="1" applyProtection="1">
      <alignment horizontal="center"/>
    </xf>
    <xf numFmtId="177" fontId="3" fillId="0" borderId="44" xfId="3" applyNumberFormat="1" applyFont="1" applyBorder="1" applyAlignment="1" applyProtection="1">
      <alignment horizontal="center"/>
    </xf>
    <xf numFmtId="10" fontId="3" fillId="0" borderId="64" xfId="2" applyNumberFormat="1" applyFont="1" applyBorder="1" applyAlignment="1" applyProtection="1"/>
    <xf numFmtId="10" fontId="3" fillId="0" borderId="103" xfId="2" applyNumberFormat="1" applyFont="1" applyBorder="1" applyAlignment="1" applyProtection="1"/>
    <xf numFmtId="10" fontId="3" fillId="0" borderId="23" xfId="3" applyNumberFormat="1" applyFont="1" applyFill="1" applyBorder="1" applyAlignment="1" applyProtection="1"/>
    <xf numFmtId="178" fontId="3" fillId="0" borderId="29" xfId="1" applyNumberFormat="1" applyFont="1" applyBorder="1" applyAlignment="1" applyProtection="1"/>
    <xf numFmtId="10" fontId="3" fillId="0" borderId="32" xfId="3" applyNumberFormat="1" applyFont="1" applyFill="1" applyBorder="1" applyAlignment="1" applyProtection="1"/>
    <xf numFmtId="10" fontId="3" fillId="0" borderId="77" xfId="2" applyNumberFormat="1" applyFont="1" applyFill="1" applyBorder="1" applyAlignment="1" applyProtection="1"/>
    <xf numFmtId="178" fontId="3" fillId="0" borderId="37" xfId="1" applyNumberFormat="1" applyFont="1" applyFill="1" applyBorder="1" applyAlignment="1" applyProtection="1"/>
    <xf numFmtId="10" fontId="3" fillId="0" borderId="37" xfId="3" applyNumberFormat="1" applyFont="1" applyFill="1" applyBorder="1" applyAlignment="1" applyProtection="1">
      <alignment horizontal="right"/>
    </xf>
    <xf numFmtId="10" fontId="3" fillId="0" borderId="41" xfId="2" applyNumberFormat="1" applyFont="1" applyFill="1" applyBorder="1" applyAlignment="1" applyProtection="1"/>
    <xf numFmtId="10" fontId="3" fillId="0" borderId="69" xfId="2" applyNumberFormat="1" applyFont="1" applyFill="1" applyBorder="1" applyAlignment="1" applyProtection="1"/>
    <xf numFmtId="177" fontId="3" fillId="0" borderId="69" xfId="3" applyNumberFormat="1" applyFont="1" applyFill="1" applyBorder="1" applyAlignment="1" applyProtection="1">
      <alignment horizontal="center"/>
    </xf>
    <xf numFmtId="178" fontId="3" fillId="0" borderId="23" xfId="1" applyNumberFormat="1" applyFont="1" applyFill="1" applyBorder="1" applyAlignment="1" applyProtection="1"/>
    <xf numFmtId="10" fontId="3" fillId="0" borderId="24" xfId="2" applyNumberFormat="1" applyFont="1" applyFill="1" applyBorder="1" applyAlignment="1" applyProtection="1"/>
    <xf numFmtId="177" fontId="3" fillId="0" borderId="81" xfId="3" applyNumberFormat="1" applyFont="1" applyFill="1" applyBorder="1" applyAlignment="1" applyProtection="1">
      <alignment horizontal="center"/>
    </xf>
    <xf numFmtId="0" fontId="3" fillId="0" borderId="29" xfId="3" applyFont="1" applyBorder="1" applyAlignment="1" applyProtection="1">
      <alignment horizontal="left"/>
    </xf>
    <xf numFmtId="0" fontId="3" fillId="0" borderId="55" xfId="3" applyFont="1" applyBorder="1" applyAlignment="1" applyProtection="1">
      <alignment horizontal="left"/>
    </xf>
    <xf numFmtId="178" fontId="3" fillId="0" borderId="33" xfId="3" applyNumberFormat="1" applyFont="1" applyBorder="1" applyAlignment="1" applyProtection="1">
      <alignment horizontal="right"/>
    </xf>
    <xf numFmtId="10" fontId="3" fillId="0" borderId="32" xfId="3" applyNumberFormat="1" applyFont="1" applyBorder="1" applyAlignment="1" applyProtection="1">
      <alignment horizontal="right"/>
    </xf>
    <xf numFmtId="10" fontId="3" fillId="0" borderId="103" xfId="3" applyNumberFormat="1" applyFont="1" applyBorder="1" applyAlignment="1" applyProtection="1">
      <alignment horizontal="right"/>
    </xf>
    <xf numFmtId="177" fontId="3" fillId="0" borderId="53" xfId="3" applyNumberFormat="1" applyFont="1" applyFill="1" applyBorder="1" applyAlignment="1" applyProtection="1">
      <alignment horizontal="center"/>
    </xf>
    <xf numFmtId="177" fontId="3" fillId="0" borderId="26" xfId="3" applyNumberFormat="1" applyFont="1" applyFill="1" applyBorder="1" applyAlignment="1" applyProtection="1">
      <alignment horizontal="center"/>
    </xf>
    <xf numFmtId="178" fontId="3" fillId="0" borderId="22" xfId="1" applyNumberFormat="1" applyFont="1" applyFill="1" applyBorder="1" applyAlignment="1" applyProtection="1"/>
    <xf numFmtId="10" fontId="3" fillId="0" borderId="26" xfId="2" applyNumberFormat="1" applyFont="1" applyFill="1" applyBorder="1" applyAlignment="1" applyProtection="1"/>
    <xf numFmtId="10" fontId="3" fillId="0" borderId="26" xfId="2" applyNumberFormat="1" applyFont="1" applyFill="1" applyBorder="1" applyAlignment="1" applyProtection="1">
      <alignment horizontal="center"/>
    </xf>
    <xf numFmtId="10" fontId="3" fillId="0" borderId="85" xfId="3" applyNumberFormat="1" applyFont="1" applyBorder="1" applyAlignment="1" applyProtection="1">
      <alignment horizontal="right"/>
    </xf>
    <xf numFmtId="0" fontId="3" fillId="0" borderId="0" xfId="3" applyFont="1"/>
    <xf numFmtId="0" fontId="3" fillId="0" borderId="9" xfId="3" applyFont="1" applyBorder="1"/>
    <xf numFmtId="178" fontId="3" fillId="0" borderId="31" xfId="1" applyNumberFormat="1" applyFont="1" applyBorder="1" applyAlignment="1" applyProtection="1"/>
    <xf numFmtId="10" fontId="3" fillId="0" borderId="83" xfId="3" applyNumberFormat="1" applyFont="1" applyBorder="1" applyAlignment="1" applyProtection="1">
      <alignment horizontal="right"/>
    </xf>
    <xf numFmtId="10" fontId="3" fillId="0" borderId="86" xfId="2" applyNumberFormat="1" applyFont="1" applyBorder="1" applyAlignment="1" applyProtection="1"/>
    <xf numFmtId="38" fontId="3" fillId="0" borderId="15" xfId="1" applyFont="1" applyBorder="1" applyAlignment="1" applyProtection="1"/>
    <xf numFmtId="178" fontId="3" fillId="0" borderId="90" xfId="1" applyNumberFormat="1" applyFont="1" applyBorder="1" applyAlignment="1" applyProtection="1"/>
    <xf numFmtId="10" fontId="3" fillId="0" borderId="15" xfId="3" applyNumberFormat="1" applyFont="1" applyBorder="1" applyAlignment="1" applyProtection="1">
      <alignment horizontal="right"/>
    </xf>
    <xf numFmtId="38" fontId="3" fillId="0" borderId="96" xfId="1" applyFont="1" applyBorder="1" applyAlignment="1" applyProtection="1"/>
    <xf numFmtId="178" fontId="3" fillId="0" borderId="97" xfId="1" applyNumberFormat="1" applyFont="1" applyBorder="1" applyAlignment="1" applyProtection="1">
      <alignment horizontal="right"/>
    </xf>
    <xf numFmtId="10" fontId="3" fillId="0" borderId="97" xfId="3" applyNumberFormat="1" applyFont="1" applyBorder="1" applyAlignment="1" applyProtection="1"/>
    <xf numFmtId="0" fontId="5" fillId="0" borderId="0" xfId="4" applyFont="1" applyAlignment="1">
      <alignment vertical="center"/>
    </xf>
    <xf numFmtId="56" fontId="3" fillId="0" borderId="0" xfId="3" applyNumberFormat="1" applyFont="1"/>
    <xf numFmtId="38" fontId="3" fillId="0" borderId="5" xfId="1" applyFont="1" applyBorder="1" applyAlignment="1" applyProtection="1"/>
    <xf numFmtId="179" fontId="3" fillId="0" borderId="106" xfId="1" applyNumberFormat="1" applyFont="1" applyBorder="1" applyAlignment="1" applyProtection="1">
      <alignment horizontal="center"/>
    </xf>
    <xf numFmtId="177" fontId="3" fillId="0" borderId="105" xfId="3" applyNumberFormat="1" applyFont="1" applyFill="1" applyBorder="1" applyAlignment="1" applyProtection="1">
      <alignment horizontal="center"/>
    </xf>
    <xf numFmtId="177" fontId="3" fillId="0" borderId="107" xfId="3" applyNumberFormat="1" applyFont="1" applyFill="1" applyBorder="1" applyAlignment="1" applyProtection="1">
      <alignment horizontal="center"/>
    </xf>
    <xf numFmtId="177" fontId="3" fillId="0" borderId="8" xfId="3" applyNumberFormat="1" applyFont="1" applyFill="1" applyBorder="1" applyAlignment="1" applyProtection="1">
      <alignment horizontal="center"/>
    </xf>
    <xf numFmtId="38" fontId="3" fillId="0" borderId="108" xfId="1" applyFont="1" applyBorder="1" applyAlignment="1" applyProtection="1"/>
    <xf numFmtId="179" fontId="3" fillId="0" borderId="95" xfId="1" applyNumberFormat="1" applyFont="1" applyBorder="1" applyAlignment="1" applyProtection="1"/>
    <xf numFmtId="10" fontId="3" fillId="0" borderId="108" xfId="3" applyNumberFormat="1" applyFont="1" applyBorder="1" applyAlignment="1" applyProtection="1">
      <alignment horizontal="center"/>
    </xf>
    <xf numFmtId="177" fontId="3" fillId="0" borderId="109" xfId="3" applyNumberFormat="1" applyFont="1" applyBorder="1" applyAlignment="1" applyProtection="1">
      <alignment horizontal="center"/>
    </xf>
    <xf numFmtId="177" fontId="3" fillId="0" borderId="110" xfId="3" applyNumberFormat="1" applyFont="1" applyBorder="1" applyAlignment="1" applyProtection="1">
      <alignment horizontal="center"/>
    </xf>
    <xf numFmtId="3" fontId="3" fillId="0" borderId="29" xfId="1" applyNumberFormat="1" applyFont="1" applyBorder="1" applyAlignment="1" applyProtection="1"/>
    <xf numFmtId="3" fontId="3" fillId="0" borderId="5" xfId="1" applyNumberFormat="1" applyFont="1" applyBorder="1" applyAlignment="1" applyProtection="1"/>
    <xf numFmtId="0" fontId="3" fillId="0" borderId="29" xfId="3" applyFont="1" applyBorder="1" applyAlignment="1" applyProtection="1">
      <alignment horizontal="left"/>
    </xf>
    <xf numFmtId="0" fontId="3" fillId="0" borderId="71" xfId="3" applyFont="1" applyBorder="1" applyAlignment="1" applyProtection="1">
      <alignment horizontal="left"/>
    </xf>
    <xf numFmtId="0" fontId="3" fillId="0" borderId="38" xfId="3" applyFont="1" applyBorder="1" applyAlignment="1" applyProtection="1">
      <alignment horizontal="left"/>
    </xf>
    <xf numFmtId="0" fontId="3" fillId="0" borderId="51" xfId="3" applyFont="1" applyBorder="1" applyAlignment="1" applyProtection="1"/>
    <xf numFmtId="0" fontId="3" fillId="0" borderId="1" xfId="3" applyFont="1" applyBorder="1" applyAlignment="1" applyProtection="1">
      <alignment horizontal="center" vertical="center"/>
    </xf>
    <xf numFmtId="0" fontId="3" fillId="0" borderId="2" xfId="3" applyFont="1" applyBorder="1" applyAlignment="1" applyProtection="1">
      <alignment horizontal="center" vertical="center"/>
    </xf>
    <xf numFmtId="0" fontId="3" fillId="0" borderId="3" xfId="3" applyFont="1" applyBorder="1" applyAlignment="1" applyProtection="1">
      <alignment horizontal="center" vertical="center"/>
    </xf>
    <xf numFmtId="0" fontId="3" fillId="0" borderId="10" xfId="3" applyFont="1" applyBorder="1" applyAlignment="1" applyProtection="1">
      <alignment horizontal="center" vertical="center"/>
    </xf>
    <xf numFmtId="0" fontId="3" fillId="0" borderId="11" xfId="3" applyFont="1" applyBorder="1" applyAlignment="1" applyProtection="1">
      <alignment horizontal="center" vertical="center"/>
    </xf>
    <xf numFmtId="0" fontId="3" fillId="0" borderId="12" xfId="3" applyFont="1" applyBorder="1" applyAlignment="1" applyProtection="1">
      <alignment horizontal="center" vertical="center"/>
    </xf>
    <xf numFmtId="0" fontId="3" fillId="0" borderId="5" xfId="3" applyFont="1" applyBorder="1" applyAlignment="1" applyProtection="1">
      <alignment horizontal="center" justifyLastLine="1"/>
    </xf>
    <xf numFmtId="0" fontId="3" fillId="0" borderId="6" xfId="3" applyFont="1" applyBorder="1" applyAlignment="1" applyProtection="1">
      <alignment horizontal="center" justifyLastLine="1"/>
    </xf>
    <xf numFmtId="0" fontId="3" fillId="0" borderId="8" xfId="3" applyFont="1" applyBorder="1" applyAlignment="1" applyProtection="1">
      <alignment horizontal="center" justifyLastLine="1"/>
    </xf>
    <xf numFmtId="0" fontId="3" fillId="0" borderId="19" xfId="3" applyFont="1" applyBorder="1" applyAlignment="1" applyProtection="1">
      <alignment horizontal="center"/>
    </xf>
    <xf numFmtId="0" fontId="3" fillId="0" borderId="20" xfId="3" applyFont="1" applyBorder="1" applyAlignment="1" applyProtection="1">
      <alignment horizontal="center"/>
    </xf>
    <xf numFmtId="0" fontId="3" fillId="0" borderId="21" xfId="3" applyFont="1" applyBorder="1" applyAlignment="1" applyProtection="1">
      <alignment horizontal="center"/>
    </xf>
    <xf numFmtId="0" fontId="3" fillId="0" borderId="27" xfId="3" applyFont="1" applyBorder="1" applyAlignment="1" applyProtection="1">
      <alignment horizontal="center" vertical="center" textRotation="255"/>
    </xf>
    <xf numFmtId="0" fontId="3" fillId="0" borderId="36" xfId="3" applyFont="1" applyBorder="1" applyAlignment="1" applyProtection="1">
      <alignment horizontal="center" vertical="center" textRotation="255"/>
    </xf>
    <xf numFmtId="0" fontId="3" fillId="0" borderId="45" xfId="3" applyFont="1" applyBorder="1" applyAlignment="1" applyProtection="1">
      <alignment horizontal="center" vertical="center" textRotation="255"/>
    </xf>
    <xf numFmtId="0" fontId="3" fillId="0" borderId="38" xfId="3" applyFont="1" applyBorder="1" applyAlignment="1" applyProtection="1">
      <alignment horizontal="left"/>
    </xf>
    <xf numFmtId="0" fontId="3" fillId="0" borderId="39" xfId="3" applyFont="1" applyBorder="1" applyAlignment="1" applyProtection="1">
      <alignment horizontal="left"/>
    </xf>
    <xf numFmtId="0" fontId="3" fillId="0" borderId="40" xfId="3" applyFont="1" applyBorder="1" applyAlignment="1" applyProtection="1">
      <alignment horizontal="left"/>
    </xf>
    <xf numFmtId="0" fontId="3" fillId="0" borderId="46" xfId="3" applyFont="1" applyBorder="1" applyAlignment="1" applyProtection="1">
      <alignment horizontal="center"/>
    </xf>
    <xf numFmtId="0" fontId="3" fillId="0" borderId="47" xfId="3" applyFont="1" applyBorder="1" applyAlignment="1" applyProtection="1">
      <alignment horizontal="center"/>
    </xf>
    <xf numFmtId="0" fontId="3" fillId="0" borderId="48" xfId="3" applyFont="1" applyBorder="1" applyAlignment="1" applyProtection="1">
      <alignment horizontal="center"/>
    </xf>
    <xf numFmtId="0" fontId="3" fillId="0" borderId="51" xfId="3" applyFont="1" applyBorder="1" applyAlignment="1" applyProtection="1"/>
    <xf numFmtId="0" fontId="1" fillId="0" borderId="47" xfId="0" applyFont="1" applyBorder="1" applyAlignment="1"/>
    <xf numFmtId="0" fontId="1" fillId="0" borderId="48" xfId="0" applyFont="1" applyBorder="1" applyAlignment="1"/>
    <xf numFmtId="0" fontId="3" fillId="0" borderId="27" xfId="3" applyFont="1" applyBorder="1" applyAlignment="1" applyProtection="1">
      <alignment horizontal="center" vertical="center" wrapText="1" shrinkToFit="1"/>
    </xf>
    <xf numFmtId="0" fontId="3" fillId="0" borderId="36" xfId="3" applyFont="1" applyBorder="1" applyAlignment="1" applyProtection="1">
      <alignment horizontal="center" vertical="center" wrapText="1" shrinkToFit="1"/>
    </xf>
    <xf numFmtId="0" fontId="3" fillId="0" borderId="45" xfId="3" applyFont="1" applyBorder="1" applyAlignment="1">
      <alignment horizontal="center" vertical="center" wrapText="1" shrinkToFit="1"/>
    </xf>
    <xf numFmtId="0" fontId="3" fillId="0" borderId="31" xfId="3" applyFont="1" applyBorder="1" applyAlignment="1" applyProtection="1"/>
    <xf numFmtId="0" fontId="3" fillId="0" borderId="0" xfId="3" applyFont="1" applyBorder="1" applyAlignment="1" applyProtection="1"/>
    <xf numFmtId="0" fontId="3" fillId="0" borderId="66" xfId="3" applyFont="1" applyBorder="1" applyAlignment="1" applyProtection="1"/>
    <xf numFmtId="0" fontId="3" fillId="0" borderId="38" xfId="3" applyFont="1" applyBorder="1" applyAlignment="1" applyProtection="1"/>
    <xf numFmtId="0" fontId="3" fillId="0" borderId="39" xfId="3" applyFont="1" applyBorder="1" applyAlignment="1" applyProtection="1"/>
    <xf numFmtId="0" fontId="3" fillId="0" borderId="40" xfId="3" applyFont="1" applyBorder="1" applyAlignment="1" applyProtection="1"/>
    <xf numFmtId="0" fontId="3" fillId="0" borderId="92" xfId="3" applyFont="1" applyBorder="1" applyAlignment="1" applyProtection="1">
      <alignment horizontal="left"/>
    </xf>
    <xf numFmtId="0" fontId="3" fillId="0" borderId="93" xfId="3" applyFont="1" applyBorder="1" applyAlignment="1" applyProtection="1">
      <alignment horizontal="left"/>
    </xf>
    <xf numFmtId="0" fontId="3" fillId="0" borderId="94" xfId="3" applyFont="1" applyBorder="1" applyAlignment="1" applyProtection="1">
      <alignment horizontal="left"/>
    </xf>
    <xf numFmtId="0" fontId="5" fillId="0" borderId="75" xfId="3" applyFont="1" applyFill="1" applyBorder="1" applyAlignment="1" applyProtection="1">
      <alignment horizontal="center" vertical="center" wrapText="1"/>
    </xf>
    <xf numFmtId="0" fontId="5" fillId="0" borderId="76" xfId="3" applyFont="1" applyFill="1" applyBorder="1" applyAlignment="1" applyProtection="1">
      <alignment horizontal="center" vertical="center" wrapText="1"/>
    </xf>
    <xf numFmtId="0" fontId="5" fillId="0" borderId="74" xfId="3" applyFont="1" applyFill="1" applyBorder="1" applyAlignment="1" applyProtection="1">
      <alignment horizontal="center" vertical="center" wrapText="1"/>
    </xf>
    <xf numFmtId="0" fontId="5" fillId="0" borderId="52" xfId="3" applyFont="1" applyFill="1" applyBorder="1" applyAlignment="1" applyProtection="1">
      <alignment horizontal="center" vertical="center" wrapText="1"/>
    </xf>
    <xf numFmtId="0" fontId="3" fillId="0" borderId="56" xfId="3" applyFont="1" applyFill="1" applyBorder="1" applyAlignment="1" applyProtection="1">
      <alignment horizontal="left"/>
    </xf>
    <xf numFmtId="0" fontId="3" fillId="0" borderId="76" xfId="3" applyFont="1" applyFill="1" applyBorder="1" applyAlignment="1" applyProtection="1">
      <alignment horizontal="left"/>
    </xf>
    <xf numFmtId="0" fontId="3" fillId="0" borderId="71" xfId="3" applyFont="1" applyFill="1" applyBorder="1" applyAlignment="1" applyProtection="1">
      <alignment horizontal="left"/>
    </xf>
    <xf numFmtId="0" fontId="3" fillId="0" borderId="73" xfId="3" applyFont="1" applyFill="1" applyBorder="1" applyAlignment="1" applyProtection="1">
      <alignment horizontal="left"/>
    </xf>
    <xf numFmtId="0" fontId="3" fillId="0" borderId="57" xfId="3" applyFont="1" applyBorder="1" applyAlignment="1" applyProtection="1">
      <alignment horizontal="center" vertical="center" textRotation="255"/>
    </xf>
    <xf numFmtId="0" fontId="3" fillId="0" borderId="83" xfId="3" applyFont="1" applyBorder="1" applyAlignment="1" applyProtection="1">
      <alignment horizontal="center" vertical="center" textRotation="255"/>
    </xf>
    <xf numFmtId="0" fontId="3" fillId="0" borderId="23" xfId="3" applyFont="1" applyBorder="1" applyAlignment="1" applyProtection="1">
      <alignment horizontal="center" vertical="center" textRotation="255"/>
    </xf>
    <xf numFmtId="0" fontId="3" fillId="0" borderId="82" xfId="3" applyFont="1" applyBorder="1" applyAlignment="1" applyProtection="1">
      <alignment horizontal="distributed" vertical="center" justifyLastLine="1"/>
    </xf>
    <xf numFmtId="0" fontId="1" fillId="0" borderId="84" xfId="0" applyFont="1" applyBorder="1" applyAlignment="1">
      <alignment horizontal="distributed" vertical="center" justifyLastLine="1"/>
    </xf>
    <xf numFmtId="0" fontId="3" fillId="0" borderId="46" xfId="3" applyFont="1" applyBorder="1" applyAlignment="1" applyProtection="1">
      <alignment horizontal="left"/>
    </xf>
    <xf numFmtId="0" fontId="3" fillId="0" borderId="47" xfId="3" applyFont="1" applyBorder="1" applyAlignment="1" applyProtection="1">
      <alignment horizontal="left"/>
    </xf>
    <xf numFmtId="0" fontId="3" fillId="0" borderId="48" xfId="3" applyFont="1" applyBorder="1" applyAlignment="1" applyProtection="1">
      <alignment horizontal="left"/>
    </xf>
    <xf numFmtId="0" fontId="3" fillId="0" borderId="51" xfId="3" applyFont="1" applyFill="1" applyBorder="1" applyAlignment="1" applyProtection="1">
      <alignment horizontal="left"/>
    </xf>
    <xf numFmtId="0" fontId="3" fillId="0" borderId="47" xfId="3" applyFont="1" applyFill="1" applyBorder="1" applyAlignment="1" applyProtection="1">
      <alignment horizontal="left"/>
    </xf>
    <xf numFmtId="0" fontId="3" fillId="0" borderId="48" xfId="3" applyFont="1" applyFill="1" applyBorder="1" applyAlignment="1" applyProtection="1">
      <alignment horizontal="left"/>
    </xf>
    <xf numFmtId="0" fontId="3" fillId="0" borderId="51" xfId="3" applyFont="1" applyBorder="1" applyAlignment="1" applyProtection="1">
      <alignment horizontal="left"/>
    </xf>
    <xf numFmtId="0" fontId="3" fillId="0" borderId="9" xfId="3" applyFont="1" applyBorder="1" applyAlignment="1" applyProtection="1">
      <alignment horizontal="left"/>
    </xf>
    <xf numFmtId="0" fontId="3" fillId="0" borderId="0" xfId="3" applyFont="1" applyBorder="1" applyAlignment="1" applyProtection="1">
      <alignment horizontal="left"/>
    </xf>
    <xf numFmtId="0" fontId="3" fillId="0" borderId="66" xfId="3" applyFont="1" applyBorder="1" applyAlignment="1" applyProtection="1">
      <alignment horizontal="left"/>
    </xf>
    <xf numFmtId="0" fontId="3" fillId="0" borderId="87" xfId="3" applyFont="1" applyBorder="1" applyAlignment="1" applyProtection="1">
      <alignment horizontal="left"/>
    </xf>
    <xf numFmtId="0" fontId="3" fillId="0" borderId="88" xfId="3" applyFont="1" applyBorder="1" applyAlignment="1" applyProtection="1">
      <alignment horizontal="left"/>
    </xf>
    <xf numFmtId="0" fontId="3" fillId="0" borderId="89" xfId="3" applyFont="1" applyBorder="1" applyAlignment="1" applyProtection="1">
      <alignment horizontal="left"/>
    </xf>
    <xf numFmtId="0" fontId="0" fillId="0" borderId="83" xfId="0" applyBorder="1" applyAlignment="1">
      <alignment horizontal="center" vertical="center" textRotation="255"/>
    </xf>
    <xf numFmtId="0" fontId="0" fillId="0" borderId="23" xfId="0" applyBorder="1" applyAlignment="1">
      <alignment horizontal="center" vertical="center" textRotation="255"/>
    </xf>
    <xf numFmtId="0" fontId="5" fillId="0" borderId="75" xfId="3" applyFont="1" applyBorder="1" applyAlignment="1" applyProtection="1">
      <alignment horizontal="center" vertical="center" wrapText="1"/>
    </xf>
    <xf numFmtId="0" fontId="5" fillId="0" borderId="76" xfId="0" applyFont="1" applyBorder="1" applyAlignment="1">
      <alignment horizontal="center" vertical="center" wrapText="1"/>
    </xf>
    <xf numFmtId="0" fontId="5" fillId="0" borderId="74" xfId="0" applyFont="1" applyBorder="1" applyAlignment="1">
      <alignment horizontal="center" vertical="center" wrapText="1"/>
    </xf>
    <xf numFmtId="0" fontId="5" fillId="0" borderId="52" xfId="0" applyFont="1" applyBorder="1" applyAlignment="1">
      <alignment horizontal="center" vertical="center" wrapText="1"/>
    </xf>
    <xf numFmtId="0" fontId="3" fillId="0" borderId="51" xfId="3" applyFont="1" applyBorder="1" applyAlignment="1" applyProtection="1">
      <alignment horizontal="center"/>
    </xf>
    <xf numFmtId="0" fontId="6" fillId="0" borderId="27" xfId="3" applyFont="1" applyFill="1" applyBorder="1" applyAlignment="1" applyProtection="1">
      <alignment horizontal="center" vertical="center" wrapText="1"/>
    </xf>
    <xf numFmtId="0" fontId="6" fillId="0" borderId="36" xfId="0" applyFont="1" applyFill="1" applyBorder="1" applyAlignment="1">
      <alignment vertical="center"/>
    </xf>
    <xf numFmtId="0" fontId="6" fillId="0" borderId="45" xfId="0" applyFont="1" applyFill="1" applyBorder="1" applyAlignment="1">
      <alignment vertical="center"/>
    </xf>
    <xf numFmtId="0" fontId="3" fillId="0" borderId="56" xfId="3" applyFont="1" applyFill="1" applyBorder="1" applyAlignment="1">
      <alignment horizontal="left"/>
    </xf>
    <xf numFmtId="0" fontId="3" fillId="0" borderId="59" xfId="3" applyFont="1" applyFill="1" applyBorder="1" applyAlignment="1">
      <alignment horizontal="left"/>
    </xf>
    <xf numFmtId="0" fontId="3" fillId="0" borderId="76" xfId="3" applyFont="1" applyFill="1" applyBorder="1" applyAlignment="1">
      <alignment horizontal="left"/>
    </xf>
    <xf numFmtId="0" fontId="7" fillId="0" borderId="38" xfId="3" applyFont="1" applyFill="1" applyBorder="1" applyAlignment="1">
      <alignment horizontal="left"/>
    </xf>
    <xf numFmtId="0" fontId="7" fillId="0" borderId="39" xfId="3" applyFont="1" applyFill="1" applyBorder="1" applyAlignment="1">
      <alignment horizontal="left"/>
    </xf>
    <xf numFmtId="0" fontId="7" fillId="0" borderId="40" xfId="3" applyFont="1" applyFill="1" applyBorder="1" applyAlignment="1">
      <alignment horizontal="left"/>
    </xf>
    <xf numFmtId="0" fontId="3" fillId="0" borderId="22" xfId="3" applyFont="1" applyFill="1" applyBorder="1" applyAlignment="1">
      <alignment horizontal="left"/>
    </xf>
    <xf numFmtId="0" fontId="3" fillId="0" borderId="25" xfId="3" applyFont="1" applyFill="1" applyBorder="1" applyAlignment="1">
      <alignment horizontal="left"/>
    </xf>
    <xf numFmtId="0" fontId="3" fillId="0" borderId="52" xfId="3" applyFont="1" applyFill="1" applyBorder="1" applyAlignment="1">
      <alignment horizontal="left"/>
    </xf>
    <xf numFmtId="0" fontId="3" fillId="0" borderId="75" xfId="3" applyFont="1" applyBorder="1" applyAlignment="1" applyProtection="1">
      <alignment horizontal="center" vertical="center" wrapText="1"/>
    </xf>
    <xf numFmtId="0" fontId="3" fillId="0" borderId="76" xfId="0" applyFont="1" applyBorder="1" applyAlignment="1">
      <alignment horizontal="center" vertical="center" wrapText="1"/>
    </xf>
    <xf numFmtId="0" fontId="3" fillId="0" borderId="74" xfId="0" applyFont="1" applyBorder="1" applyAlignment="1">
      <alignment horizontal="center" vertical="center" wrapText="1"/>
    </xf>
    <xf numFmtId="0" fontId="3" fillId="0" borderId="52" xfId="0" applyFont="1" applyBorder="1" applyAlignment="1">
      <alignment horizontal="center" vertical="center" wrapText="1"/>
    </xf>
    <xf numFmtId="0" fontId="3" fillId="0" borderId="29" xfId="3" applyFont="1" applyBorder="1" applyAlignment="1" applyProtection="1">
      <alignment horizontal="left"/>
    </xf>
    <xf numFmtId="0" fontId="3" fillId="0" borderId="55" xfId="3" applyFont="1" applyBorder="1" applyAlignment="1" applyProtection="1">
      <alignment horizontal="left"/>
    </xf>
    <xf numFmtId="0" fontId="3" fillId="0" borderId="71" xfId="3" applyFont="1" applyBorder="1" applyAlignment="1" applyProtection="1">
      <alignment horizontal="left"/>
    </xf>
    <xf numFmtId="0" fontId="3" fillId="0" borderId="73" xfId="3" applyFont="1" applyBorder="1" applyAlignment="1" applyProtection="1">
      <alignment horizontal="left"/>
    </xf>
    <xf numFmtId="0" fontId="3" fillId="0" borderId="104" xfId="3" applyFont="1" applyBorder="1" applyAlignment="1" applyProtection="1">
      <alignment horizontal="left"/>
    </xf>
    <xf numFmtId="0" fontId="3" fillId="0" borderId="6" xfId="3" applyFont="1" applyBorder="1" applyAlignment="1" applyProtection="1">
      <alignment horizontal="left"/>
    </xf>
    <xf numFmtId="0" fontId="3" fillId="0" borderId="7" xfId="3" applyFont="1" applyBorder="1" applyAlignment="1" applyProtection="1">
      <alignment horizontal="left"/>
    </xf>
    <xf numFmtId="0" fontId="3" fillId="0" borderId="75" xfId="3" applyFont="1" applyBorder="1" applyAlignment="1" applyProtection="1">
      <alignment horizontal="left"/>
    </xf>
    <xf numFmtId="0" fontId="3" fillId="0" borderId="59" xfId="3" applyFont="1" applyBorder="1" applyAlignment="1" applyProtection="1">
      <alignment horizontal="left"/>
    </xf>
    <xf numFmtId="0" fontId="3" fillId="0" borderId="76" xfId="3" applyFont="1" applyBorder="1" applyAlignment="1" applyProtection="1">
      <alignment horizontal="left"/>
    </xf>
    <xf numFmtId="0" fontId="3" fillId="0" borderId="92" xfId="3" applyFont="1" applyBorder="1" applyAlignment="1">
      <alignment horizontal="left"/>
    </xf>
    <xf numFmtId="0" fontId="3" fillId="0" borderId="93" xfId="3" applyFont="1" applyBorder="1" applyAlignment="1">
      <alignment horizontal="left"/>
    </xf>
    <xf numFmtId="0" fontId="3" fillId="0" borderId="94" xfId="3" applyFont="1" applyBorder="1" applyAlignment="1">
      <alignment horizontal="left"/>
    </xf>
  </cellXfs>
  <cellStyles count="5">
    <cellStyle name="パーセント" xfId="2" builtinId="5"/>
    <cellStyle name="桁区切り" xfId="1" builtinId="6"/>
    <cellStyle name="標準" xfId="0" builtinId="0"/>
    <cellStyle name="標準_第６表" xfId="3"/>
    <cellStyle name="標準_第７表 (2)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89"/>
  <sheetViews>
    <sheetView tabSelected="1" view="pageBreakPreview" zoomScaleNormal="100" zoomScaleSheetLayoutView="100" workbookViewId="0">
      <selection activeCell="H14" sqref="H14"/>
    </sheetView>
  </sheetViews>
  <sheetFormatPr defaultRowHeight="11.25" x14ac:dyDescent="0.15"/>
  <cols>
    <col min="1" max="1" width="3.375" style="243" customWidth="1"/>
    <col min="2" max="2" width="3.5" style="243" customWidth="1"/>
    <col min="3" max="3" width="7.625" style="243" customWidth="1"/>
    <col min="4" max="4" width="10.875" style="243" customWidth="1"/>
    <col min="5" max="7" width="13.125" style="243" customWidth="1"/>
    <col min="8" max="10" width="6" style="243" customWidth="1"/>
    <col min="11" max="13" width="6.25" style="243" customWidth="1"/>
    <col min="14" max="18" width="6.25" style="243" hidden="1" customWidth="1"/>
    <col min="19" max="19" width="16.875" style="243" hidden="1" customWidth="1"/>
    <col min="20" max="21" width="18.5" style="243" hidden="1" customWidth="1"/>
    <col min="22" max="22" width="0" style="243" hidden="1" customWidth="1"/>
    <col min="23" max="23" width="1.625" style="243" customWidth="1"/>
    <col min="24" max="24" width="12.125" style="243" customWidth="1"/>
    <col min="25" max="27" width="14.5" style="243" bestFit="1" customWidth="1"/>
    <col min="28" max="31" width="9.125" style="243" bestFit="1" customWidth="1"/>
    <col min="32" max="16384" width="9" style="243"/>
  </cols>
  <sheetData>
    <row r="1" spans="1:32" s="5" customFormat="1" ht="15" customHeight="1" x14ac:dyDescent="0.15">
      <c r="A1" s="1" t="s">
        <v>0</v>
      </c>
      <c r="B1" s="2"/>
      <c r="C1" s="3"/>
      <c r="D1" s="3"/>
      <c r="E1" s="3"/>
      <c r="F1" s="3"/>
      <c r="G1" s="3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</row>
    <row r="2" spans="1:32" s="5" customFormat="1" ht="15" customHeight="1" x14ac:dyDescent="0.15">
      <c r="A2" s="6" t="s">
        <v>1</v>
      </c>
      <c r="B2" s="7"/>
      <c r="H2" s="8"/>
      <c r="I2" s="8"/>
      <c r="J2" s="8"/>
      <c r="K2" s="8"/>
      <c r="L2" s="8"/>
      <c r="M2" s="8"/>
      <c r="N2" s="8"/>
      <c r="O2" s="8"/>
      <c r="P2" s="8"/>
      <c r="Q2" s="8"/>
      <c r="R2" s="8"/>
      <c r="S2" s="8"/>
      <c r="T2" s="8"/>
      <c r="U2" s="8"/>
    </row>
    <row r="3" spans="1:32" s="5" customFormat="1" ht="15" customHeight="1" thickBot="1" x14ac:dyDescent="0.2">
      <c r="A3" s="6"/>
      <c r="B3" s="7"/>
      <c r="H3" s="8"/>
      <c r="I3" s="8"/>
      <c r="J3" s="8"/>
      <c r="K3" s="8"/>
      <c r="L3" s="8"/>
      <c r="M3" s="8"/>
      <c r="N3" s="8"/>
      <c r="O3" s="8"/>
      <c r="P3" s="8"/>
      <c r="Q3" s="8"/>
      <c r="R3" s="8"/>
      <c r="S3" s="8"/>
      <c r="T3" s="8"/>
      <c r="U3" s="8"/>
    </row>
    <row r="4" spans="1:32" s="5" customFormat="1" ht="15" customHeight="1" x14ac:dyDescent="0.15">
      <c r="A4" s="272" t="s">
        <v>2</v>
      </c>
      <c r="B4" s="273"/>
      <c r="C4" s="273"/>
      <c r="D4" s="274"/>
      <c r="E4" s="9" t="s">
        <v>3</v>
      </c>
      <c r="F4" s="9" t="s">
        <v>4</v>
      </c>
      <c r="G4" s="9" t="s">
        <v>5</v>
      </c>
      <c r="H4" s="278" t="s">
        <v>6</v>
      </c>
      <c r="I4" s="279"/>
      <c r="J4" s="279"/>
      <c r="K4" s="278" t="s">
        <v>7</v>
      </c>
      <c r="L4" s="279"/>
      <c r="M4" s="279"/>
      <c r="N4" s="279"/>
      <c r="O4" s="279"/>
      <c r="P4" s="280"/>
      <c r="Q4" s="10"/>
      <c r="R4" s="12"/>
      <c r="S4" s="12"/>
      <c r="T4" s="11"/>
      <c r="U4" s="13"/>
      <c r="V4" s="14"/>
      <c r="W4" s="14"/>
    </row>
    <row r="5" spans="1:32" s="5" customFormat="1" ht="15" customHeight="1" thickBot="1" x14ac:dyDescent="0.2">
      <c r="A5" s="275"/>
      <c r="B5" s="276"/>
      <c r="C5" s="276"/>
      <c r="D5" s="277"/>
      <c r="E5" s="15" t="s">
        <v>8</v>
      </c>
      <c r="F5" s="15" t="s">
        <v>8</v>
      </c>
      <c r="G5" s="15" t="s">
        <v>9</v>
      </c>
      <c r="H5" s="16" t="s">
        <v>10</v>
      </c>
      <c r="I5" s="16" t="s">
        <v>11</v>
      </c>
      <c r="J5" s="17" t="s">
        <v>12</v>
      </c>
      <c r="K5" s="18" t="s">
        <v>13</v>
      </c>
      <c r="L5" s="18" t="s">
        <v>14</v>
      </c>
      <c r="M5" s="18" t="s">
        <v>15</v>
      </c>
      <c r="N5" s="18" t="s">
        <v>16</v>
      </c>
      <c r="O5" s="18" t="s">
        <v>17</v>
      </c>
      <c r="P5" s="19" t="s">
        <v>18</v>
      </c>
      <c r="Q5" s="20" t="s">
        <v>19</v>
      </c>
      <c r="R5" s="21" t="s">
        <v>20</v>
      </c>
      <c r="S5" s="22" t="s">
        <v>21</v>
      </c>
      <c r="T5" s="23" t="s">
        <v>22</v>
      </c>
      <c r="U5" s="22" t="s">
        <v>23</v>
      </c>
      <c r="V5" s="14"/>
      <c r="W5" s="14"/>
    </row>
    <row r="6" spans="1:32" s="5" customFormat="1" ht="21" customHeight="1" thickTop="1" x14ac:dyDescent="0.15">
      <c r="A6" s="281" t="s">
        <v>24</v>
      </c>
      <c r="B6" s="282"/>
      <c r="C6" s="282"/>
      <c r="D6" s="283"/>
      <c r="E6" s="24">
        <v>235203191395</v>
      </c>
      <c r="F6" s="24">
        <v>243450890612</v>
      </c>
      <c r="G6" s="24">
        <v>258736283222</v>
      </c>
      <c r="H6" s="25">
        <v>0.96599999999999997</v>
      </c>
      <c r="I6" s="25">
        <v>0.94099999999999995</v>
      </c>
      <c r="J6" s="25">
        <v>0.97399999999999998</v>
      </c>
      <c r="K6" s="27">
        <v>0.21609999999999999</v>
      </c>
      <c r="L6" s="27">
        <v>0.21790000000000001</v>
      </c>
      <c r="M6" s="27">
        <v>0.26340000000000002</v>
      </c>
      <c r="N6" s="27">
        <v>0.27260000000000001</v>
      </c>
      <c r="O6" s="27">
        <v>0.2722</v>
      </c>
      <c r="P6" s="28">
        <v>0.2868</v>
      </c>
      <c r="Q6" s="29">
        <v>0.2908</v>
      </c>
      <c r="R6" s="30">
        <v>0.34489999999999998</v>
      </c>
      <c r="S6" s="31">
        <v>0.36530000000000001</v>
      </c>
      <c r="T6" s="31">
        <v>0.37290511770272849</v>
      </c>
      <c r="U6" s="31">
        <v>0.37907781355080306</v>
      </c>
      <c r="V6" s="14"/>
      <c r="W6" s="14"/>
    </row>
    <row r="7" spans="1:32" s="5" customFormat="1" ht="21" customHeight="1" x14ac:dyDescent="0.15">
      <c r="A7" s="284" t="s">
        <v>25</v>
      </c>
      <c r="B7" s="32" t="s">
        <v>26</v>
      </c>
      <c r="C7" s="33"/>
      <c r="D7" s="34"/>
      <c r="E7" s="35">
        <v>139513067</v>
      </c>
      <c r="F7" s="35">
        <v>144164334</v>
      </c>
      <c r="G7" s="35">
        <v>146923446</v>
      </c>
      <c r="H7" s="38">
        <v>0.96799999999999997</v>
      </c>
      <c r="I7" s="38">
        <v>0.98099999999999998</v>
      </c>
      <c r="J7" s="38">
        <v>0.95699999999999996</v>
      </c>
      <c r="K7" s="40">
        <v>1E-4</v>
      </c>
      <c r="L7" s="40">
        <v>1E-4</v>
      </c>
      <c r="M7" s="40">
        <v>1E-4</v>
      </c>
      <c r="N7" s="40">
        <v>2.0000000000000001E-4</v>
      </c>
      <c r="O7" s="40">
        <v>2.0000000000000001E-4</v>
      </c>
      <c r="P7" s="41">
        <v>2.0000000000000001E-4</v>
      </c>
      <c r="Q7" s="42">
        <v>2.0000000000000001E-4</v>
      </c>
      <c r="R7" s="43">
        <v>2.0000000000000001E-4</v>
      </c>
      <c r="S7" s="44">
        <v>2.0000000000000001E-4</v>
      </c>
      <c r="T7" s="44">
        <v>2.0403106769339391E-4</v>
      </c>
      <c r="U7" s="44">
        <v>2.1876316510979215E-4</v>
      </c>
      <c r="V7" s="14"/>
      <c r="W7" s="14"/>
    </row>
    <row r="8" spans="1:32" s="5" customFormat="1" ht="21" customHeight="1" x14ac:dyDescent="0.15">
      <c r="A8" s="285"/>
      <c r="B8" s="32" t="s">
        <v>27</v>
      </c>
      <c r="C8" s="45"/>
      <c r="D8" s="45"/>
      <c r="E8" s="46">
        <v>171150661045</v>
      </c>
      <c r="F8" s="46">
        <v>175841646626</v>
      </c>
      <c r="G8" s="46">
        <v>175837001041</v>
      </c>
      <c r="H8" s="38">
        <v>0.97299999999999998</v>
      </c>
      <c r="I8" s="38">
        <v>1</v>
      </c>
      <c r="J8" s="38">
        <v>1.002</v>
      </c>
      <c r="K8" s="40">
        <v>0.1573</v>
      </c>
      <c r="L8" s="40">
        <v>0.15740000000000001</v>
      </c>
      <c r="M8" s="40">
        <v>0.17899999999999999</v>
      </c>
      <c r="N8" s="40">
        <v>0.18</v>
      </c>
      <c r="O8" s="40">
        <v>0.19420000000000001</v>
      </c>
      <c r="P8" s="41">
        <v>0.20699999999999999</v>
      </c>
      <c r="Q8" s="42">
        <v>0.1996</v>
      </c>
      <c r="R8" s="43">
        <v>0.19539999999999999</v>
      </c>
      <c r="S8" s="44">
        <v>0.2102</v>
      </c>
      <c r="T8" s="44">
        <v>0.23754248071870107</v>
      </c>
      <c r="U8" s="44">
        <v>0.26742007226817816</v>
      </c>
      <c r="V8" s="14"/>
      <c r="W8" s="14"/>
    </row>
    <row r="9" spans="1:32" s="5" customFormat="1" ht="21" customHeight="1" x14ac:dyDescent="0.15">
      <c r="A9" s="285"/>
      <c r="B9" s="270" t="s">
        <v>28</v>
      </c>
      <c r="C9" s="47"/>
      <c r="D9" s="48"/>
      <c r="E9" s="46">
        <v>6066525787</v>
      </c>
      <c r="F9" s="46">
        <v>5403537286</v>
      </c>
      <c r="G9" s="46">
        <v>4935525257</v>
      </c>
      <c r="H9" s="38">
        <v>1.123</v>
      </c>
      <c r="I9" s="38">
        <v>1.095</v>
      </c>
      <c r="J9" s="38">
        <v>1.014</v>
      </c>
      <c r="K9" s="40">
        <v>5.5999999999999999E-3</v>
      </c>
      <c r="L9" s="40">
        <v>4.7999999999999996E-3</v>
      </c>
      <c r="M9" s="40">
        <v>5.0000000000000001E-3</v>
      </c>
      <c r="N9" s="40">
        <v>5.0000000000000001E-3</v>
      </c>
      <c r="O9" s="40">
        <v>4.8999999999999998E-3</v>
      </c>
      <c r="P9" s="41">
        <v>4.5999999999999999E-3</v>
      </c>
      <c r="Q9" s="42">
        <v>4.3E-3</v>
      </c>
      <c r="R9" s="43">
        <v>3.7000000000000002E-3</v>
      </c>
      <c r="S9" s="44">
        <v>3.7000000000000002E-3</v>
      </c>
      <c r="T9" s="44">
        <v>4.4290490653648672E-3</v>
      </c>
      <c r="U9" s="44">
        <v>4.450292157278395E-3</v>
      </c>
      <c r="V9" s="14"/>
      <c r="W9" s="14"/>
    </row>
    <row r="10" spans="1:32" s="5" customFormat="1" ht="21" customHeight="1" x14ac:dyDescent="0.15">
      <c r="A10" s="285"/>
      <c r="B10" s="287" t="s">
        <v>29</v>
      </c>
      <c r="C10" s="288"/>
      <c r="D10" s="289"/>
      <c r="E10" s="46">
        <v>978261000</v>
      </c>
      <c r="F10" s="49">
        <v>975648000</v>
      </c>
      <c r="G10" s="49">
        <v>879318000</v>
      </c>
      <c r="H10" s="39">
        <v>1.0029999999999999</v>
      </c>
      <c r="I10" s="39">
        <v>1.1100000000000001</v>
      </c>
      <c r="J10" s="39">
        <v>0.94499999999999995</v>
      </c>
      <c r="K10" s="51">
        <v>8.9999999999999998E-4</v>
      </c>
      <c r="L10" s="51">
        <v>8.9999999999999998E-4</v>
      </c>
      <c r="M10" s="51">
        <v>8.9999999999999998E-4</v>
      </c>
      <c r="N10" s="51">
        <v>1E-3</v>
      </c>
      <c r="O10" s="51">
        <v>8.9999999999999998E-4</v>
      </c>
      <c r="P10" s="52">
        <v>1.1000000000000001E-3</v>
      </c>
      <c r="Q10" s="53">
        <v>5.9999999999999995E-4</v>
      </c>
      <c r="R10" s="54" t="s">
        <v>30</v>
      </c>
      <c r="S10" s="55" t="s">
        <v>30</v>
      </c>
      <c r="T10" s="44"/>
      <c r="U10" s="44"/>
      <c r="V10" s="14"/>
      <c r="W10" s="14"/>
    </row>
    <row r="11" spans="1:32" s="5" customFormat="1" ht="21" customHeight="1" x14ac:dyDescent="0.15">
      <c r="A11" s="285"/>
      <c r="B11" s="56" t="s">
        <v>31</v>
      </c>
      <c r="C11" s="57"/>
      <c r="D11" s="57"/>
      <c r="E11" s="46">
        <v>14391946000</v>
      </c>
      <c r="F11" s="46">
        <v>13781580000</v>
      </c>
      <c r="G11" s="46">
        <v>9202280000</v>
      </c>
      <c r="H11" s="58">
        <v>1.044</v>
      </c>
      <c r="I11" s="58">
        <v>1.498</v>
      </c>
      <c r="J11" s="58">
        <v>1.069</v>
      </c>
      <c r="K11" s="59">
        <v>1.32E-2</v>
      </c>
      <c r="L11" s="59">
        <v>1.23E-2</v>
      </c>
      <c r="M11" s="59">
        <v>9.4000000000000004E-3</v>
      </c>
      <c r="N11" s="59">
        <v>8.8000000000000005E-3</v>
      </c>
      <c r="O11" s="59">
        <v>7.1999999999999998E-3</v>
      </c>
      <c r="P11" s="60">
        <v>5.4000000000000003E-3</v>
      </c>
      <c r="Q11" s="61">
        <v>9.1000000000000004E-3</v>
      </c>
      <c r="R11" s="43">
        <v>4.4000000000000003E-3</v>
      </c>
      <c r="S11" s="44">
        <v>5.3E-3</v>
      </c>
      <c r="T11" s="62">
        <v>5.8207729981924958E-3</v>
      </c>
      <c r="U11" s="62">
        <v>7.4164576145685692E-3</v>
      </c>
      <c r="V11" s="14"/>
      <c r="W11" s="14"/>
    </row>
    <row r="12" spans="1:32" s="5" customFormat="1" ht="21" customHeight="1" x14ac:dyDescent="0.15">
      <c r="A12" s="285"/>
      <c r="B12" s="56" t="s">
        <v>32</v>
      </c>
      <c r="C12" s="57"/>
      <c r="D12" s="57"/>
      <c r="E12" s="46">
        <v>5982595000</v>
      </c>
      <c r="F12" s="46">
        <v>5190615000</v>
      </c>
      <c r="G12" s="46">
        <v>5340837000</v>
      </c>
      <c r="H12" s="58">
        <v>1.153</v>
      </c>
      <c r="I12" s="58">
        <v>0.97199999999999998</v>
      </c>
      <c r="J12" s="58">
        <v>1.028</v>
      </c>
      <c r="K12" s="59">
        <v>5.4999999999999997E-3</v>
      </c>
      <c r="L12" s="59">
        <v>4.5999999999999999E-3</v>
      </c>
      <c r="M12" s="59">
        <v>5.4000000000000003E-3</v>
      </c>
      <c r="N12" s="59">
        <v>5.3E-3</v>
      </c>
      <c r="O12" s="59">
        <v>6.1999999999999998E-3</v>
      </c>
      <c r="P12" s="60">
        <v>3.2000000000000002E-3</v>
      </c>
      <c r="Q12" s="61">
        <v>4.7999999999999996E-3</v>
      </c>
      <c r="R12" s="63">
        <v>4.7000000000000002E-3</v>
      </c>
      <c r="S12" s="62">
        <v>5.0000000000000001E-3</v>
      </c>
      <c r="T12" s="62">
        <v>5.2472273291020903E-3</v>
      </c>
      <c r="U12" s="62">
        <v>5.9730742318237868E-3</v>
      </c>
      <c r="V12" s="14"/>
      <c r="W12" s="14"/>
    </row>
    <row r="13" spans="1:32" s="5" customFormat="1" ht="21" customHeight="1" x14ac:dyDescent="0.15">
      <c r="A13" s="285"/>
      <c r="B13" s="32" t="s">
        <v>33</v>
      </c>
      <c r="C13" s="45"/>
      <c r="D13" s="45"/>
      <c r="E13" s="49">
        <v>403450000</v>
      </c>
      <c r="F13" s="49">
        <v>186367000</v>
      </c>
      <c r="G13" s="49">
        <v>211905000</v>
      </c>
      <c r="H13" s="38">
        <v>2.165</v>
      </c>
      <c r="I13" s="38">
        <v>0.879</v>
      </c>
      <c r="J13" s="38">
        <v>1.044</v>
      </c>
      <c r="K13" s="40">
        <v>4.0000000000000002E-4</v>
      </c>
      <c r="L13" s="40">
        <v>2.0000000000000001E-4</v>
      </c>
      <c r="M13" s="40">
        <v>2.0000000000000001E-4</v>
      </c>
      <c r="N13" s="40">
        <v>2.0000000000000001E-4</v>
      </c>
      <c r="O13" s="40">
        <v>4.0000000000000002E-4</v>
      </c>
      <c r="P13" s="41">
        <v>5.9999999999999995E-4</v>
      </c>
      <c r="Q13" s="42">
        <v>2.0000000000000001E-4</v>
      </c>
      <c r="R13" s="63">
        <v>4.0000000000000002E-4</v>
      </c>
      <c r="S13" s="62">
        <v>4.0000000000000002E-4</v>
      </c>
      <c r="T13" s="44">
        <v>4.1486394545147911E-4</v>
      </c>
      <c r="U13" s="44">
        <v>4.3325447683271187E-4</v>
      </c>
      <c r="V13" s="14"/>
      <c r="W13" s="14"/>
    </row>
    <row r="14" spans="1:32" s="5" customFormat="1" ht="21" customHeight="1" x14ac:dyDescent="0.15">
      <c r="A14" s="285"/>
      <c r="B14" s="64" t="s">
        <v>34</v>
      </c>
      <c r="C14" s="65"/>
      <c r="D14" s="65"/>
      <c r="E14" s="24">
        <v>0</v>
      </c>
      <c r="F14" s="24">
        <v>0</v>
      </c>
      <c r="G14" s="24">
        <v>0</v>
      </c>
      <c r="H14" s="67" t="s">
        <v>30</v>
      </c>
      <c r="I14" s="68" t="s">
        <v>30</v>
      </c>
      <c r="J14" s="68" t="s">
        <v>35</v>
      </c>
      <c r="K14" s="27">
        <v>0</v>
      </c>
      <c r="L14" s="27">
        <v>0</v>
      </c>
      <c r="M14" s="27">
        <v>0</v>
      </c>
      <c r="N14" s="27">
        <v>0</v>
      </c>
      <c r="O14" s="27">
        <v>0</v>
      </c>
      <c r="P14" s="28">
        <v>2.0000000000000001E-4</v>
      </c>
      <c r="Q14" s="29">
        <v>2.0000000000000001E-4</v>
      </c>
      <c r="R14" s="71">
        <v>2.0000000000000001E-4</v>
      </c>
      <c r="S14" s="72">
        <v>2.0000000000000001E-4</v>
      </c>
      <c r="T14" s="31">
        <v>1.7864977172270052E-4</v>
      </c>
      <c r="U14" s="31">
        <v>2.087670733001265E-4</v>
      </c>
      <c r="V14" s="14"/>
      <c r="W14" s="14"/>
    </row>
    <row r="15" spans="1:32" s="5" customFormat="1" ht="21" customHeight="1" x14ac:dyDescent="0.15">
      <c r="A15" s="286"/>
      <c r="B15" s="290" t="s">
        <v>36</v>
      </c>
      <c r="C15" s="291"/>
      <c r="D15" s="292"/>
      <c r="E15" s="73">
        <v>199112951899</v>
      </c>
      <c r="F15" s="74">
        <v>201523558246</v>
      </c>
      <c r="G15" s="74">
        <v>196553789744</v>
      </c>
      <c r="H15" s="70">
        <v>0.98799999999999999</v>
      </c>
      <c r="I15" s="70">
        <v>1.0249999999999999</v>
      </c>
      <c r="J15" s="70">
        <v>1.006</v>
      </c>
      <c r="K15" s="27">
        <v>0.183</v>
      </c>
      <c r="L15" s="27">
        <v>0.1804</v>
      </c>
      <c r="M15" s="27">
        <v>0.2001</v>
      </c>
      <c r="N15" s="27">
        <v>0.20050000000000001</v>
      </c>
      <c r="O15" s="27">
        <v>0.21390000000000001</v>
      </c>
      <c r="P15" s="28">
        <v>0.22209999999999999</v>
      </c>
      <c r="Q15" s="29">
        <v>0.219</v>
      </c>
      <c r="R15" s="75">
        <v>0.2089</v>
      </c>
      <c r="S15" s="31">
        <v>0.22500000000000001</v>
      </c>
      <c r="T15" s="31">
        <v>0.25383707489622809</v>
      </c>
      <c r="U15" s="31">
        <v>0.28612068098709154</v>
      </c>
      <c r="V15" s="76"/>
      <c r="W15" s="14"/>
    </row>
    <row r="16" spans="1:32" s="5" customFormat="1" ht="21" customHeight="1" x14ac:dyDescent="0.15">
      <c r="A16" s="293" t="s">
        <v>37</v>
      </c>
      <c r="B16" s="294"/>
      <c r="C16" s="294"/>
      <c r="D16" s="295"/>
      <c r="E16" s="24">
        <v>14608182046</v>
      </c>
      <c r="F16" s="24">
        <v>21294369356</v>
      </c>
      <c r="G16" s="24">
        <v>30521342530</v>
      </c>
      <c r="H16" s="70">
        <v>0.68600000000000005</v>
      </c>
      <c r="I16" s="70">
        <v>0.69799999999999995</v>
      </c>
      <c r="J16" s="70">
        <v>0.84899999999999998</v>
      </c>
      <c r="K16" s="27">
        <v>1.34E-2</v>
      </c>
      <c r="L16" s="27">
        <v>1.9099999999999999E-2</v>
      </c>
      <c r="M16" s="27">
        <v>3.1099999999999999E-2</v>
      </c>
      <c r="N16" s="27">
        <v>3.6900000000000002E-2</v>
      </c>
      <c r="O16" s="27">
        <v>4.1799999999999997E-2</v>
      </c>
      <c r="P16" s="28">
        <v>4.3700000000000003E-2</v>
      </c>
      <c r="Q16" s="29">
        <v>7.1499999999999994E-2</v>
      </c>
      <c r="R16" s="30">
        <v>0.2059</v>
      </c>
      <c r="S16" s="31">
        <v>0.1915</v>
      </c>
      <c r="T16" s="31">
        <v>0.18955210189521349</v>
      </c>
      <c r="U16" s="31">
        <v>0.17076084782612089</v>
      </c>
      <c r="V16" s="14"/>
      <c r="W16" s="14"/>
    </row>
    <row r="17" spans="1:24" s="5" customFormat="1" ht="21" customHeight="1" x14ac:dyDescent="0.15">
      <c r="A17" s="271"/>
      <c r="B17" s="77" t="s">
        <v>38</v>
      </c>
      <c r="C17" s="77"/>
      <c r="D17" s="78"/>
      <c r="E17" s="24">
        <v>241060098124</v>
      </c>
      <c r="F17" s="24">
        <v>245401633175</v>
      </c>
      <c r="G17" s="24">
        <v>239236740047</v>
      </c>
      <c r="H17" s="26">
        <v>0.98199999999999998</v>
      </c>
      <c r="I17" s="26">
        <v>1.026</v>
      </c>
      <c r="J17" s="26">
        <v>1.0129999999999999</v>
      </c>
      <c r="K17" s="80">
        <v>0.2215</v>
      </c>
      <c r="L17" s="80">
        <v>0.21970000000000001</v>
      </c>
      <c r="M17" s="80">
        <v>0.24349999999999999</v>
      </c>
      <c r="N17" s="80">
        <v>0.24249999999999999</v>
      </c>
      <c r="O17" s="80">
        <v>0.22650000000000001</v>
      </c>
      <c r="P17" s="81">
        <v>0.19589999999999999</v>
      </c>
      <c r="Q17" s="82">
        <v>0.17449999999999999</v>
      </c>
      <c r="R17" s="83" t="s">
        <v>30</v>
      </c>
      <c r="S17" s="84" t="s">
        <v>30</v>
      </c>
      <c r="T17" s="85"/>
      <c r="U17" s="85"/>
      <c r="V17" s="14"/>
      <c r="W17" s="14"/>
    </row>
    <row r="18" spans="1:24" s="5" customFormat="1" ht="21" customHeight="1" x14ac:dyDescent="0.15">
      <c r="A18" s="296" t="s">
        <v>39</v>
      </c>
      <c r="B18" s="268" t="s">
        <v>28</v>
      </c>
      <c r="C18" s="86"/>
      <c r="D18" s="87"/>
      <c r="E18" s="35">
        <v>5931267787</v>
      </c>
      <c r="F18" s="35">
        <v>5269327286</v>
      </c>
      <c r="G18" s="35">
        <v>4797115257</v>
      </c>
      <c r="H18" s="88">
        <v>1.1259999999999999</v>
      </c>
      <c r="I18" s="88">
        <v>1.0980000000000001</v>
      </c>
      <c r="J18" s="88">
        <v>1.0129999999999999</v>
      </c>
      <c r="K18" s="89">
        <v>5.4999999999999997E-3</v>
      </c>
      <c r="L18" s="89">
        <v>4.7000000000000002E-3</v>
      </c>
      <c r="M18" s="89">
        <v>4.8999999999999998E-3</v>
      </c>
      <c r="N18" s="89">
        <v>4.8999999999999998E-3</v>
      </c>
      <c r="O18" s="89">
        <v>4.7999999999999996E-3</v>
      </c>
      <c r="P18" s="90">
        <v>4.4000000000000003E-3</v>
      </c>
      <c r="Q18" s="91">
        <v>4.1000000000000003E-3</v>
      </c>
      <c r="R18" s="92">
        <v>3.5999999999999999E-3</v>
      </c>
      <c r="S18" s="93">
        <v>3.5999999999999999E-3</v>
      </c>
      <c r="T18" s="93">
        <v>4.4290490653648672E-3</v>
      </c>
      <c r="U18" s="85">
        <v>4.450292157278395E-3</v>
      </c>
      <c r="V18" s="14"/>
      <c r="W18" s="14"/>
    </row>
    <row r="19" spans="1:24" s="5" customFormat="1" ht="21" customHeight="1" x14ac:dyDescent="0.15">
      <c r="A19" s="297"/>
      <c r="B19" s="287" t="s">
        <v>29</v>
      </c>
      <c r="C19" s="288"/>
      <c r="D19" s="289"/>
      <c r="E19" s="46">
        <v>864235000</v>
      </c>
      <c r="F19" s="94">
        <v>927647000</v>
      </c>
      <c r="G19" s="94">
        <v>797589000</v>
      </c>
      <c r="H19" s="95">
        <v>0.93200000000000005</v>
      </c>
      <c r="I19" s="95">
        <v>1.163</v>
      </c>
      <c r="J19" s="95">
        <v>0.999</v>
      </c>
      <c r="K19" s="96">
        <v>8.0000000000000004E-4</v>
      </c>
      <c r="L19" s="96">
        <v>8.0000000000000004E-4</v>
      </c>
      <c r="M19" s="96">
        <v>8.0000000000000004E-4</v>
      </c>
      <c r="N19" s="96">
        <v>8.0000000000000004E-4</v>
      </c>
      <c r="O19" s="96">
        <v>8.0000000000000004E-4</v>
      </c>
      <c r="P19" s="97">
        <v>1E-3</v>
      </c>
      <c r="Q19" s="98">
        <v>5.9999999999999995E-4</v>
      </c>
      <c r="R19" s="99" t="s">
        <v>30</v>
      </c>
      <c r="S19" s="100" t="s">
        <v>30</v>
      </c>
      <c r="T19" s="101"/>
      <c r="U19" s="85"/>
      <c r="V19" s="14"/>
      <c r="W19" s="14"/>
    </row>
    <row r="20" spans="1:24" s="5" customFormat="1" ht="21" customHeight="1" x14ac:dyDescent="0.15">
      <c r="A20" s="297"/>
      <c r="B20" s="299" t="s">
        <v>40</v>
      </c>
      <c r="C20" s="300"/>
      <c r="D20" s="301"/>
      <c r="E20" s="46">
        <v>29625074000</v>
      </c>
      <c r="F20" s="46">
        <v>28899983958</v>
      </c>
      <c r="G20" s="46">
        <v>28777184000</v>
      </c>
      <c r="H20" s="102">
        <v>1.0249999999999999</v>
      </c>
      <c r="I20" s="102">
        <v>1.004</v>
      </c>
      <c r="J20" s="102">
        <v>1.0089999999999999</v>
      </c>
      <c r="K20" s="103">
        <v>2.7199999999999998E-2</v>
      </c>
      <c r="L20" s="103">
        <v>2.5899999999999999E-2</v>
      </c>
      <c r="M20" s="103">
        <v>2.93E-2</v>
      </c>
      <c r="N20" s="103">
        <v>2.93E-2</v>
      </c>
      <c r="O20" s="103">
        <v>2.9000000000000001E-2</v>
      </c>
      <c r="P20" s="104">
        <v>3.1899999999999998E-2</v>
      </c>
      <c r="Q20" s="105">
        <v>3.2399999999999998E-2</v>
      </c>
      <c r="R20" s="106">
        <v>3.09E-2</v>
      </c>
      <c r="S20" s="107">
        <v>3.2899999999999999E-2</v>
      </c>
      <c r="T20" s="108">
        <v>2.2909639462227436E-2</v>
      </c>
      <c r="U20" s="109" t="s">
        <v>30</v>
      </c>
      <c r="V20" s="14"/>
      <c r="W20" s="14"/>
    </row>
    <row r="21" spans="1:24" s="5" customFormat="1" ht="21" customHeight="1" x14ac:dyDescent="0.15">
      <c r="A21" s="297"/>
      <c r="B21" s="302" t="s">
        <v>41</v>
      </c>
      <c r="C21" s="303"/>
      <c r="D21" s="304"/>
      <c r="E21" s="46">
        <v>14823297000</v>
      </c>
      <c r="F21" s="46">
        <v>14430609042</v>
      </c>
      <c r="G21" s="46">
        <v>14385579000</v>
      </c>
      <c r="H21" s="110">
        <v>1.0269999999999999</v>
      </c>
      <c r="I21" s="110">
        <v>1.0029999999999999</v>
      </c>
      <c r="J21" s="110">
        <v>1.0089999999999999</v>
      </c>
      <c r="K21" s="111">
        <v>1.3599999999999999E-2</v>
      </c>
      <c r="L21" s="111">
        <v>1.29E-2</v>
      </c>
      <c r="M21" s="111">
        <v>1.46E-2</v>
      </c>
      <c r="N21" s="111">
        <v>1.46E-2</v>
      </c>
      <c r="O21" s="111">
        <v>4.7999999999999996E-3</v>
      </c>
      <c r="P21" s="112">
        <v>5.1999999999999998E-3</v>
      </c>
      <c r="Q21" s="113">
        <v>3.3E-3</v>
      </c>
      <c r="R21" s="43">
        <v>5.1000000000000004E-3</v>
      </c>
      <c r="S21" s="44">
        <v>5.3E-3</v>
      </c>
      <c r="T21" s="114">
        <v>5.8118765834421302E-3</v>
      </c>
      <c r="U21" s="109" t="s">
        <v>30</v>
      </c>
      <c r="V21" s="14"/>
      <c r="W21" s="14"/>
    </row>
    <row r="22" spans="1:24" s="5" customFormat="1" ht="21" customHeight="1" x14ac:dyDescent="0.15">
      <c r="A22" s="297"/>
      <c r="B22" s="287" t="s">
        <v>42</v>
      </c>
      <c r="C22" s="288"/>
      <c r="D22" s="289"/>
      <c r="E22" s="46">
        <v>215000000</v>
      </c>
      <c r="F22" s="46">
        <v>148000000</v>
      </c>
      <c r="G22" s="46">
        <v>52000000</v>
      </c>
      <c r="H22" s="115">
        <v>1.4530000000000001</v>
      </c>
      <c r="I22" s="115">
        <v>2.8460000000000001</v>
      </c>
      <c r="J22" s="115">
        <v>0.63400000000000001</v>
      </c>
      <c r="K22" s="111">
        <v>2.0000000000000001E-4</v>
      </c>
      <c r="L22" s="111">
        <v>1E-4</v>
      </c>
      <c r="M22" s="111">
        <v>1E-4</v>
      </c>
      <c r="N22" s="111">
        <v>1E-4</v>
      </c>
      <c r="O22" s="111">
        <v>2.0000000000000001E-4</v>
      </c>
      <c r="P22" s="112">
        <v>4.0000000000000002E-4</v>
      </c>
      <c r="Q22" s="113">
        <v>0</v>
      </c>
      <c r="R22" s="54" t="s">
        <v>30</v>
      </c>
      <c r="S22" s="55" t="s">
        <v>30</v>
      </c>
      <c r="T22" s="85"/>
      <c r="U22" s="116"/>
      <c r="V22" s="14"/>
      <c r="W22" s="14"/>
    </row>
    <row r="23" spans="1:24" s="5" customFormat="1" ht="21" customHeight="1" x14ac:dyDescent="0.15">
      <c r="A23" s="298"/>
      <c r="B23" s="117" t="s">
        <v>43</v>
      </c>
      <c r="C23" s="118"/>
      <c r="D23" s="119"/>
      <c r="E23" s="24">
        <v>39162883</v>
      </c>
      <c r="F23" s="24">
        <v>34493000</v>
      </c>
      <c r="G23" s="24">
        <v>46366455</v>
      </c>
      <c r="H23" s="121">
        <v>1.135</v>
      </c>
      <c r="I23" s="121">
        <v>0.74399999999999999</v>
      </c>
      <c r="J23" s="121">
        <v>0.78300000000000003</v>
      </c>
      <c r="K23" s="122">
        <v>0</v>
      </c>
      <c r="L23" s="122">
        <v>0</v>
      </c>
      <c r="M23" s="122">
        <v>0</v>
      </c>
      <c r="N23" s="122">
        <v>1E-4</v>
      </c>
      <c r="O23" s="122">
        <v>1E-4</v>
      </c>
      <c r="P23" s="28">
        <v>2.9999999999999997E-4</v>
      </c>
      <c r="Q23" s="123">
        <v>2.9999999999999997E-4</v>
      </c>
      <c r="R23" s="71">
        <v>4.0000000000000002E-4</v>
      </c>
      <c r="S23" s="31">
        <v>4.0000000000000002E-4</v>
      </c>
      <c r="T23" s="31">
        <v>1.633655235041631E-3</v>
      </c>
      <c r="U23" s="31">
        <v>2.6436100506392751E-3</v>
      </c>
      <c r="V23" s="14"/>
      <c r="W23" s="14"/>
    </row>
    <row r="24" spans="1:24" s="5" customFormat="1" ht="21" customHeight="1" x14ac:dyDescent="0.15">
      <c r="A24" s="124" t="s">
        <v>44</v>
      </c>
      <c r="B24" s="125"/>
      <c r="C24" s="126"/>
      <c r="D24" s="126"/>
      <c r="E24" s="24">
        <v>0</v>
      </c>
      <c r="F24" s="24">
        <v>0</v>
      </c>
      <c r="G24" s="24">
        <v>0</v>
      </c>
      <c r="H24" s="69" t="s">
        <v>30</v>
      </c>
      <c r="I24" s="69" t="s">
        <v>30</v>
      </c>
      <c r="J24" s="69" t="s">
        <v>30</v>
      </c>
      <c r="K24" s="127">
        <v>0</v>
      </c>
      <c r="L24" s="127">
        <v>0</v>
      </c>
      <c r="M24" s="127">
        <v>0</v>
      </c>
      <c r="N24" s="127">
        <v>0</v>
      </c>
      <c r="O24" s="127">
        <v>0</v>
      </c>
      <c r="P24" s="81">
        <v>0</v>
      </c>
      <c r="Q24" s="128">
        <v>0</v>
      </c>
      <c r="R24" s="30">
        <v>0</v>
      </c>
      <c r="S24" s="31">
        <v>0</v>
      </c>
      <c r="T24" s="31">
        <v>0</v>
      </c>
      <c r="U24" s="31">
        <v>0</v>
      </c>
      <c r="V24" s="14"/>
      <c r="W24" s="14"/>
    </row>
    <row r="25" spans="1:24" s="5" customFormat="1" ht="21" customHeight="1" x14ac:dyDescent="0.15">
      <c r="A25" s="308" t="s">
        <v>45</v>
      </c>
      <c r="B25" s="309"/>
      <c r="C25" s="312" t="s">
        <v>46</v>
      </c>
      <c r="D25" s="313"/>
      <c r="E25" s="129">
        <v>24736068185</v>
      </c>
      <c r="F25" s="129">
        <v>22027054187</v>
      </c>
      <c r="G25" s="129">
        <v>20081184038</v>
      </c>
      <c r="H25" s="130">
        <v>1.123</v>
      </c>
      <c r="I25" s="130">
        <v>1.097</v>
      </c>
      <c r="J25" s="130">
        <v>1.0129999999999999</v>
      </c>
      <c r="K25" s="131">
        <v>2.2700000000000001E-2</v>
      </c>
      <c r="L25" s="131">
        <v>1.9699999999999999E-2</v>
      </c>
      <c r="M25" s="131">
        <v>2.0400000000000001E-2</v>
      </c>
      <c r="N25" s="131">
        <v>2.0299999999999999E-2</v>
      </c>
      <c r="O25" s="131">
        <v>0.02</v>
      </c>
      <c r="P25" s="132">
        <v>1.8499999999999999E-2</v>
      </c>
      <c r="Q25" s="133">
        <v>1.7299999999999999E-2</v>
      </c>
      <c r="R25" s="134">
        <v>1.52E-2</v>
      </c>
      <c r="S25" s="135">
        <v>1.4999999999999999E-2</v>
      </c>
      <c r="T25" s="135">
        <v>1.8431379330483475E-2</v>
      </c>
      <c r="U25" s="135">
        <v>1.858038236857288E-2</v>
      </c>
      <c r="V25" s="14"/>
      <c r="W25" s="14"/>
    </row>
    <row r="26" spans="1:24" s="5" customFormat="1" ht="21" customHeight="1" x14ac:dyDescent="0.15">
      <c r="A26" s="310"/>
      <c r="B26" s="311"/>
      <c r="C26" s="314" t="s">
        <v>47</v>
      </c>
      <c r="D26" s="315"/>
      <c r="E26" s="24">
        <v>198321422392</v>
      </c>
      <c r="F26" s="24">
        <v>198695765595</v>
      </c>
      <c r="G26" s="24">
        <v>67018830307</v>
      </c>
      <c r="H26" s="136">
        <v>0.998</v>
      </c>
      <c r="I26" s="136">
        <v>2.9649999999999999</v>
      </c>
      <c r="J26" s="136">
        <v>1.022</v>
      </c>
      <c r="K26" s="127">
        <v>0.1822</v>
      </c>
      <c r="L26" s="127">
        <v>0.1779</v>
      </c>
      <c r="M26" s="127">
        <v>6.8199999999999997E-2</v>
      </c>
      <c r="N26" s="127">
        <v>6.7299999999999999E-2</v>
      </c>
      <c r="O26" s="127">
        <v>7.0599999999999996E-2</v>
      </c>
      <c r="P26" s="81">
        <v>7.6300000000000007E-2</v>
      </c>
      <c r="Q26" s="128">
        <v>7.4399999999999994E-2</v>
      </c>
      <c r="R26" s="137">
        <v>6.5699999999999995E-2</v>
      </c>
      <c r="S26" s="138">
        <v>3.5400000000000001E-2</v>
      </c>
      <c r="T26" s="139" t="s">
        <v>30</v>
      </c>
      <c r="U26" s="139" t="s">
        <v>30</v>
      </c>
      <c r="V26" s="14"/>
      <c r="W26" s="14"/>
    </row>
    <row r="27" spans="1:24" s="5" customFormat="1" ht="21" customHeight="1" x14ac:dyDescent="0.15">
      <c r="A27" s="284" t="s">
        <v>48</v>
      </c>
      <c r="B27" s="316" t="s">
        <v>49</v>
      </c>
      <c r="C27" s="319" t="s">
        <v>50</v>
      </c>
      <c r="D27" s="34" t="s">
        <v>51</v>
      </c>
      <c r="E27" s="35">
        <v>22103997042</v>
      </c>
      <c r="F27" s="35">
        <v>21707904921</v>
      </c>
      <c r="G27" s="35">
        <v>21770263093</v>
      </c>
      <c r="H27" s="38">
        <v>1.018</v>
      </c>
      <c r="I27" s="38">
        <v>0.997</v>
      </c>
      <c r="J27" s="38">
        <v>1.1679999999999999</v>
      </c>
      <c r="K27" s="40">
        <v>2.0299999999999999E-2</v>
      </c>
      <c r="L27" s="40">
        <v>1.9400000000000001E-2</v>
      </c>
      <c r="M27" s="40">
        <v>2.2200000000000001E-2</v>
      </c>
      <c r="N27" s="40">
        <v>1.9099999999999999E-2</v>
      </c>
      <c r="O27" s="40">
        <v>2.0199999999999999E-2</v>
      </c>
      <c r="P27" s="41">
        <v>1.7600000000000001E-2</v>
      </c>
      <c r="Q27" s="42">
        <v>1.66E-2</v>
      </c>
      <c r="R27" s="43">
        <v>1.9300000000000001E-2</v>
      </c>
      <c r="S27" s="44">
        <v>1.9800000000000002E-2</v>
      </c>
      <c r="T27" s="44">
        <v>2.0621886559382303E-2</v>
      </c>
      <c r="U27" s="44">
        <v>2.0565480471678745E-2</v>
      </c>
      <c r="V27" s="14"/>
      <c r="W27" s="14"/>
    </row>
    <row r="28" spans="1:24" s="5" customFormat="1" ht="21" customHeight="1" x14ac:dyDescent="0.15">
      <c r="A28" s="285"/>
      <c r="B28" s="317"/>
      <c r="C28" s="320"/>
      <c r="D28" s="48" t="s">
        <v>52</v>
      </c>
      <c r="E28" s="46">
        <v>14096612051</v>
      </c>
      <c r="F28" s="46">
        <v>13728929449</v>
      </c>
      <c r="G28" s="46">
        <v>5721233665</v>
      </c>
      <c r="H28" s="38">
        <v>1.0269999999999999</v>
      </c>
      <c r="I28" s="38">
        <v>2.4</v>
      </c>
      <c r="J28" s="38">
        <v>1.198</v>
      </c>
      <c r="K28" s="140">
        <v>1.2999999999999999E-2</v>
      </c>
      <c r="L28" s="140">
        <v>1.23E-2</v>
      </c>
      <c r="M28" s="140">
        <v>5.7999999999999996E-3</v>
      </c>
      <c r="N28" s="140">
        <v>4.8999999999999998E-3</v>
      </c>
      <c r="O28" s="140">
        <v>4.5999999999999999E-3</v>
      </c>
      <c r="P28" s="112">
        <v>4.4000000000000003E-3</v>
      </c>
      <c r="Q28" s="141">
        <v>4.1999999999999997E-3</v>
      </c>
      <c r="R28" s="43">
        <v>5.1000000000000004E-3</v>
      </c>
      <c r="S28" s="44">
        <v>5.4000000000000003E-3</v>
      </c>
      <c r="T28" s="44">
        <v>5.5487213201920633E-3</v>
      </c>
      <c r="U28" s="44">
        <v>5.7861868967792858E-3</v>
      </c>
      <c r="V28" s="14"/>
      <c r="W28" s="14"/>
    </row>
    <row r="29" spans="1:24" s="5" customFormat="1" ht="21" customHeight="1" x14ac:dyDescent="0.15">
      <c r="A29" s="285"/>
      <c r="B29" s="317"/>
      <c r="C29" s="32" t="s">
        <v>53</v>
      </c>
      <c r="D29" s="45"/>
      <c r="E29" s="46">
        <v>0</v>
      </c>
      <c r="F29" s="37">
        <v>0</v>
      </c>
      <c r="G29" s="37">
        <v>0</v>
      </c>
      <c r="H29" s="50" t="s">
        <v>30</v>
      </c>
      <c r="I29" s="50" t="s">
        <v>30</v>
      </c>
      <c r="J29" s="50" t="s">
        <v>35</v>
      </c>
      <c r="K29" s="142">
        <v>0</v>
      </c>
      <c r="L29" s="142">
        <v>0</v>
      </c>
      <c r="M29" s="142">
        <v>0</v>
      </c>
      <c r="N29" s="142">
        <v>0</v>
      </c>
      <c r="O29" s="142">
        <v>0</v>
      </c>
      <c r="P29" s="106">
        <v>0</v>
      </c>
      <c r="Q29" s="143">
        <v>0</v>
      </c>
      <c r="R29" s="106">
        <v>0</v>
      </c>
      <c r="S29" s="44">
        <v>0</v>
      </c>
      <c r="T29" s="44">
        <v>0</v>
      </c>
      <c r="U29" s="44">
        <v>0</v>
      </c>
      <c r="V29" s="14"/>
      <c r="W29" s="14"/>
      <c r="X29" s="144"/>
    </row>
    <row r="30" spans="1:24" s="5" customFormat="1" ht="21" customHeight="1" x14ac:dyDescent="0.15">
      <c r="A30" s="285"/>
      <c r="B30" s="317"/>
      <c r="C30" s="32" t="s">
        <v>54</v>
      </c>
      <c r="D30" s="45"/>
      <c r="E30" s="46">
        <v>12553251482</v>
      </c>
      <c r="F30" s="37">
        <v>13098096232</v>
      </c>
      <c r="G30" s="37">
        <v>12184732998</v>
      </c>
      <c r="H30" s="38">
        <v>0.95799999999999996</v>
      </c>
      <c r="I30" s="38">
        <v>1.075</v>
      </c>
      <c r="J30" s="38">
        <v>1.0069999999999999</v>
      </c>
      <c r="K30" s="40">
        <v>1.15E-2</v>
      </c>
      <c r="L30" s="40">
        <v>1.17E-2</v>
      </c>
      <c r="M30" s="40">
        <v>1.24E-2</v>
      </c>
      <c r="N30" s="40">
        <v>1.24E-2</v>
      </c>
      <c r="O30" s="40">
        <v>1.3100000000000001E-2</v>
      </c>
      <c r="P30" s="41">
        <v>1.44E-2</v>
      </c>
      <c r="Q30" s="42">
        <v>1.5100000000000001E-2</v>
      </c>
      <c r="R30" s="43">
        <v>1.6299999999999999E-2</v>
      </c>
      <c r="S30" s="44">
        <v>1.4200000000000001E-2</v>
      </c>
      <c r="T30" s="44">
        <v>1.4963980747915379E-2</v>
      </c>
      <c r="U30" s="44">
        <v>1.4966522570560078E-2</v>
      </c>
      <c r="V30" s="14"/>
      <c r="W30" s="14"/>
    </row>
    <row r="31" spans="1:24" s="5" customFormat="1" ht="21" customHeight="1" x14ac:dyDescent="0.15">
      <c r="A31" s="285"/>
      <c r="B31" s="317"/>
      <c r="C31" s="32" t="s">
        <v>55</v>
      </c>
      <c r="D31" s="45"/>
      <c r="E31" s="46">
        <v>2478175094</v>
      </c>
      <c r="F31" s="37">
        <v>2709471425</v>
      </c>
      <c r="G31" s="37">
        <v>2904421781</v>
      </c>
      <c r="H31" s="38">
        <v>0.91500000000000004</v>
      </c>
      <c r="I31" s="38">
        <v>0.93300000000000005</v>
      </c>
      <c r="J31" s="38">
        <v>0.96699999999999997</v>
      </c>
      <c r="K31" s="40">
        <v>2.3E-3</v>
      </c>
      <c r="L31" s="40">
        <v>2.3999999999999998E-3</v>
      </c>
      <c r="M31" s="40">
        <v>3.0000000000000001E-3</v>
      </c>
      <c r="N31" s="40">
        <v>3.0999999999999999E-3</v>
      </c>
      <c r="O31" s="40">
        <v>4.1999999999999997E-3</v>
      </c>
      <c r="P31" s="41">
        <v>4.4999999999999997E-3</v>
      </c>
      <c r="Q31" s="42">
        <v>4.4000000000000003E-3</v>
      </c>
      <c r="R31" s="43">
        <v>4.4000000000000003E-3</v>
      </c>
      <c r="S31" s="44">
        <v>4.5999999999999999E-3</v>
      </c>
      <c r="T31" s="44">
        <v>4.4580113671843875E-3</v>
      </c>
      <c r="U31" s="44">
        <v>5.0075141725636598E-3</v>
      </c>
      <c r="V31" s="14"/>
      <c r="W31" s="14"/>
    </row>
    <row r="32" spans="1:24" s="5" customFormat="1" ht="21" customHeight="1" x14ac:dyDescent="0.15">
      <c r="A32" s="285"/>
      <c r="B32" s="317"/>
      <c r="C32" s="32" t="s">
        <v>56</v>
      </c>
      <c r="D32" s="145"/>
      <c r="E32" s="46">
        <v>1642685169</v>
      </c>
      <c r="F32" s="146">
        <v>1742872156</v>
      </c>
      <c r="G32" s="146">
        <v>2681625451</v>
      </c>
      <c r="H32" s="38">
        <v>0.94299999999999995</v>
      </c>
      <c r="I32" s="38">
        <v>0.65</v>
      </c>
      <c r="J32" s="38">
        <v>0.996</v>
      </c>
      <c r="K32" s="51">
        <v>1.5E-3</v>
      </c>
      <c r="L32" s="51">
        <v>1.6000000000000001E-3</v>
      </c>
      <c r="M32" s="51">
        <v>2.7000000000000001E-3</v>
      </c>
      <c r="N32" s="51">
        <v>2.8E-3</v>
      </c>
      <c r="O32" s="51">
        <v>2.8E-3</v>
      </c>
      <c r="P32" s="52">
        <v>3.3E-3</v>
      </c>
      <c r="Q32" s="147">
        <v>3.0000000000000001E-3</v>
      </c>
      <c r="R32" s="106">
        <v>3.2000000000000002E-3</v>
      </c>
      <c r="S32" s="44">
        <v>3.7000000000000002E-3</v>
      </c>
      <c r="T32" s="44">
        <v>3.5971723875491859E-3</v>
      </c>
      <c r="U32" s="44">
        <v>3.7067141020099663E-3</v>
      </c>
      <c r="V32" s="14"/>
      <c r="W32" s="14"/>
    </row>
    <row r="33" spans="1:23" s="5" customFormat="1" ht="21" customHeight="1" x14ac:dyDescent="0.15">
      <c r="A33" s="285"/>
      <c r="B33" s="318"/>
      <c r="C33" s="269" t="s">
        <v>57</v>
      </c>
      <c r="D33" s="148"/>
      <c r="E33" s="24">
        <v>35235997344</v>
      </c>
      <c r="F33" s="24">
        <v>43602459834</v>
      </c>
      <c r="G33" s="24">
        <v>42034408471</v>
      </c>
      <c r="H33" s="149">
        <v>0.80800000000000005</v>
      </c>
      <c r="I33" s="149">
        <v>1.0369999999999999</v>
      </c>
      <c r="J33" s="149">
        <v>0.90600000000000003</v>
      </c>
      <c r="K33" s="150">
        <v>3.2399999999999998E-2</v>
      </c>
      <c r="L33" s="150">
        <v>3.9E-2</v>
      </c>
      <c r="M33" s="150">
        <v>4.2799999999999998E-2</v>
      </c>
      <c r="N33" s="150">
        <v>4.7600000000000003E-2</v>
      </c>
      <c r="O33" s="150">
        <v>4.6600000000000003E-2</v>
      </c>
      <c r="P33" s="151">
        <v>5.0599999999999999E-2</v>
      </c>
      <c r="Q33" s="152">
        <v>5.1499999999999997E-2</v>
      </c>
      <c r="R33" s="71">
        <v>4.7199999999999999E-2</v>
      </c>
      <c r="S33" s="72">
        <v>5.4899999999999997E-2</v>
      </c>
      <c r="T33" s="44">
        <v>6.3936459182957331E-2</v>
      </c>
      <c r="U33" s="44">
        <v>7.1098370986868414E-2</v>
      </c>
      <c r="V33" s="14"/>
      <c r="W33" s="14"/>
    </row>
    <row r="34" spans="1:23" s="5" customFormat="1" ht="21" customHeight="1" x14ac:dyDescent="0.15">
      <c r="A34" s="286"/>
      <c r="B34" s="321" t="s">
        <v>58</v>
      </c>
      <c r="C34" s="322"/>
      <c r="D34" s="323"/>
      <c r="E34" s="24">
        <v>0</v>
      </c>
      <c r="F34" s="24">
        <v>0</v>
      </c>
      <c r="G34" s="24">
        <v>0</v>
      </c>
      <c r="H34" s="79" t="s">
        <v>30</v>
      </c>
      <c r="I34" s="79" t="s">
        <v>30</v>
      </c>
      <c r="J34" s="79" t="s">
        <v>59</v>
      </c>
      <c r="K34" s="153">
        <v>0</v>
      </c>
      <c r="L34" s="153">
        <v>0</v>
      </c>
      <c r="M34" s="153">
        <v>0</v>
      </c>
      <c r="N34" s="153">
        <v>0</v>
      </c>
      <c r="O34" s="153">
        <v>0</v>
      </c>
      <c r="P34" s="30">
        <v>0</v>
      </c>
      <c r="Q34" s="154">
        <v>0</v>
      </c>
      <c r="R34" s="30">
        <v>0</v>
      </c>
      <c r="S34" s="31">
        <v>0</v>
      </c>
      <c r="T34" s="31">
        <v>2.4110036197250674E-3</v>
      </c>
      <c r="U34" s="31">
        <v>2.1951113292593386E-3</v>
      </c>
      <c r="V34" s="14"/>
      <c r="W34" s="14"/>
    </row>
    <row r="35" spans="1:23" s="5" customFormat="1" ht="21" customHeight="1" x14ac:dyDescent="0.15">
      <c r="A35" s="324" t="s">
        <v>60</v>
      </c>
      <c r="B35" s="325"/>
      <c r="C35" s="325"/>
      <c r="D35" s="326"/>
      <c r="E35" s="24">
        <v>3077104685</v>
      </c>
      <c r="F35" s="24">
        <v>3115766314</v>
      </c>
      <c r="G35" s="24">
        <v>2902077220</v>
      </c>
      <c r="H35" s="155">
        <v>0.98799999999999999</v>
      </c>
      <c r="I35" s="155">
        <v>1.0740000000000001</v>
      </c>
      <c r="J35" s="155">
        <v>0.95499999999999996</v>
      </c>
      <c r="K35" s="156">
        <v>2.8E-3</v>
      </c>
      <c r="L35" s="156">
        <v>2.8E-3</v>
      </c>
      <c r="M35" s="156">
        <v>3.0000000000000001E-3</v>
      </c>
      <c r="N35" s="156">
        <v>3.0999999999999999E-3</v>
      </c>
      <c r="O35" s="156">
        <v>2.8999999999999998E-3</v>
      </c>
      <c r="P35" s="157">
        <v>3.5999999999999999E-3</v>
      </c>
      <c r="Q35" s="158">
        <v>2.3999999999999998E-3</v>
      </c>
      <c r="R35" s="75">
        <v>2.8999999999999998E-3</v>
      </c>
      <c r="S35" s="159">
        <v>2.5999999999999999E-3</v>
      </c>
      <c r="T35" s="159">
        <v>0</v>
      </c>
      <c r="U35" s="159">
        <v>0</v>
      </c>
      <c r="V35" s="14"/>
      <c r="W35" s="14"/>
    </row>
    <row r="36" spans="1:23" s="5" customFormat="1" ht="21" customHeight="1" x14ac:dyDescent="0.15">
      <c r="A36" s="327" t="s">
        <v>61</v>
      </c>
      <c r="B36" s="322"/>
      <c r="C36" s="322"/>
      <c r="D36" s="323"/>
      <c r="E36" s="24">
        <v>1055727773578</v>
      </c>
      <c r="F36" s="24">
        <v>1081808831788</v>
      </c>
      <c r="G36" s="24">
        <v>951205766279</v>
      </c>
      <c r="H36" s="155">
        <v>0.97599999999999998</v>
      </c>
      <c r="I36" s="155">
        <v>1.137</v>
      </c>
      <c r="J36" s="155">
        <v>0.99299999999999999</v>
      </c>
      <c r="K36" s="160">
        <v>0.97019999999999995</v>
      </c>
      <c r="L36" s="160">
        <v>0.96840000000000004</v>
      </c>
      <c r="M36" s="160">
        <v>0.96830000000000005</v>
      </c>
      <c r="N36" s="160">
        <v>0.98299999999999998</v>
      </c>
      <c r="O36" s="160">
        <v>0.97909999999999997</v>
      </c>
      <c r="P36" s="157">
        <v>0.98480000000000001</v>
      </c>
      <c r="Q36" s="161">
        <v>0.98550000000000004</v>
      </c>
      <c r="R36" s="157">
        <v>0.97909999999999997</v>
      </c>
      <c r="S36" s="162">
        <v>0.97944418066217342</v>
      </c>
      <c r="T36" s="31">
        <v>0</v>
      </c>
      <c r="U36" s="31">
        <v>0</v>
      </c>
      <c r="V36" s="14"/>
      <c r="W36" s="14"/>
    </row>
    <row r="37" spans="1:23" s="5" customFormat="1" ht="21" customHeight="1" thickBot="1" x14ac:dyDescent="0.2">
      <c r="A37" s="328" t="s">
        <v>62</v>
      </c>
      <c r="B37" s="329"/>
      <c r="C37" s="329"/>
      <c r="D37" s="330"/>
      <c r="E37" s="24">
        <v>2436376433</v>
      </c>
      <c r="F37" s="24">
        <v>1906840000</v>
      </c>
      <c r="G37" s="24">
        <v>1637736293</v>
      </c>
      <c r="H37" s="163">
        <v>1.278</v>
      </c>
      <c r="I37" s="163">
        <v>1.1639999999999999</v>
      </c>
      <c r="J37" s="163">
        <v>1.159</v>
      </c>
      <c r="K37" s="164">
        <v>2.2000000000000001E-3</v>
      </c>
      <c r="L37" s="164">
        <v>1.6999999999999999E-3</v>
      </c>
      <c r="M37" s="164">
        <v>1.6999999999999999E-3</v>
      </c>
      <c r="N37" s="164">
        <v>1.5E-3</v>
      </c>
      <c r="O37" s="164">
        <v>1.6999999999999999E-3</v>
      </c>
      <c r="P37" s="165">
        <v>1E-3</v>
      </c>
      <c r="Q37" s="166">
        <v>1E-3</v>
      </c>
      <c r="R37" s="167">
        <v>5.9999999999999995E-4</v>
      </c>
      <c r="S37" s="168">
        <v>1E-3</v>
      </c>
      <c r="T37" s="169">
        <v>2.8809142872024897E-3</v>
      </c>
      <c r="U37" s="169">
        <v>2.2821690681463767E-3</v>
      </c>
      <c r="V37" s="14"/>
      <c r="W37" s="14"/>
    </row>
    <row r="38" spans="1:23" s="5" customFormat="1" ht="21" customHeight="1" thickTop="1" thickBot="1" x14ac:dyDescent="0.2">
      <c r="A38" s="327" t="s">
        <v>63</v>
      </c>
      <c r="B38" s="322"/>
      <c r="C38" s="322"/>
      <c r="D38" s="323"/>
      <c r="E38" s="24">
        <v>30027933083</v>
      </c>
      <c r="F38" s="24">
        <v>33450806858</v>
      </c>
      <c r="G38" s="24">
        <v>29458636707</v>
      </c>
      <c r="H38" s="170">
        <v>0.89800000000000002</v>
      </c>
      <c r="I38" s="170">
        <v>1.1359999999999999</v>
      </c>
      <c r="J38" s="170">
        <v>1.9419999999999999</v>
      </c>
      <c r="K38" s="171">
        <v>2.76E-2</v>
      </c>
      <c r="L38" s="171">
        <v>2.9899999999999999E-2</v>
      </c>
      <c r="M38" s="171">
        <v>0.03</v>
      </c>
      <c r="N38" s="171">
        <v>1.5599999999999999E-2</v>
      </c>
      <c r="O38" s="171">
        <v>1.9199999999999998E-2</v>
      </c>
      <c r="P38" s="172">
        <v>1.4200000000000001E-2</v>
      </c>
      <c r="Q38" s="173">
        <v>1.3599999999999999E-2</v>
      </c>
      <c r="R38" s="75">
        <v>2.0299999999999999E-2</v>
      </c>
      <c r="S38" s="159">
        <v>1.9300000000000001E-2</v>
      </c>
      <c r="T38" s="169">
        <v>1</v>
      </c>
      <c r="U38" s="169">
        <v>1</v>
      </c>
      <c r="V38" s="14"/>
      <c r="W38" s="14"/>
    </row>
    <row r="39" spans="1:23" s="5" customFormat="1" ht="21" customHeight="1" thickTop="1" thickBot="1" x14ac:dyDescent="0.2">
      <c r="A39" s="331" t="s">
        <v>64</v>
      </c>
      <c r="B39" s="332"/>
      <c r="C39" s="332"/>
      <c r="D39" s="333"/>
      <c r="E39" s="174">
        <v>0</v>
      </c>
      <c r="F39" s="174">
        <v>0</v>
      </c>
      <c r="G39" s="174">
        <v>0</v>
      </c>
      <c r="H39" s="175" t="s">
        <v>30</v>
      </c>
      <c r="I39" s="176" t="s">
        <v>30</v>
      </c>
      <c r="J39" s="176" t="s">
        <v>35</v>
      </c>
      <c r="K39" s="177">
        <v>0</v>
      </c>
      <c r="L39" s="177">
        <v>0</v>
      </c>
      <c r="M39" s="177">
        <v>0</v>
      </c>
      <c r="N39" s="177">
        <v>0</v>
      </c>
      <c r="O39" s="177">
        <v>0</v>
      </c>
      <c r="P39" s="178">
        <v>0</v>
      </c>
      <c r="Q39" s="179">
        <v>0</v>
      </c>
      <c r="R39" s="180">
        <v>0</v>
      </c>
      <c r="S39" s="181">
        <v>0</v>
      </c>
      <c r="T39" s="85"/>
      <c r="U39" s="85"/>
      <c r="V39" s="14"/>
      <c r="W39" s="14"/>
    </row>
    <row r="40" spans="1:23" s="5" customFormat="1" ht="21" customHeight="1" thickTop="1" thickBot="1" x14ac:dyDescent="0.2">
      <c r="A40" s="305" t="s">
        <v>65</v>
      </c>
      <c r="B40" s="306"/>
      <c r="C40" s="306"/>
      <c r="D40" s="307"/>
      <c r="E40" s="182">
        <v>1088192083094</v>
      </c>
      <c r="F40" s="182">
        <v>1117166478646</v>
      </c>
      <c r="G40" s="182">
        <v>982302139279</v>
      </c>
      <c r="H40" s="183">
        <v>0.97399999999999998</v>
      </c>
      <c r="I40" s="184">
        <v>1.137</v>
      </c>
      <c r="J40" s="184">
        <v>1.008</v>
      </c>
      <c r="K40" s="185">
        <v>1</v>
      </c>
      <c r="L40" s="185">
        <v>1</v>
      </c>
      <c r="M40" s="185">
        <v>1</v>
      </c>
      <c r="N40" s="185">
        <v>1</v>
      </c>
      <c r="O40" s="185">
        <v>1</v>
      </c>
      <c r="P40" s="186">
        <v>1</v>
      </c>
      <c r="Q40" s="187">
        <v>1</v>
      </c>
      <c r="R40" s="188">
        <v>1</v>
      </c>
      <c r="S40" s="189">
        <v>1</v>
      </c>
      <c r="T40" s="85"/>
      <c r="U40" s="85"/>
      <c r="V40" s="14"/>
      <c r="W40" s="14"/>
    </row>
    <row r="41" spans="1:23" s="5" customFormat="1" ht="21" customHeight="1" x14ac:dyDescent="0.15">
      <c r="H41" s="4"/>
      <c r="I41" s="4"/>
      <c r="J41" s="4"/>
    </row>
    <row r="42" spans="1:23" s="5" customFormat="1" ht="21" customHeight="1" x14ac:dyDescent="0.15">
      <c r="A42" s="6" t="s">
        <v>66</v>
      </c>
      <c r="B42" s="8"/>
      <c r="H42" s="8"/>
      <c r="I42" s="8"/>
      <c r="J42" s="8"/>
      <c r="K42" s="8"/>
      <c r="L42" s="8"/>
      <c r="M42" s="8"/>
      <c r="N42" s="8"/>
      <c r="O42" s="8"/>
      <c r="P42" s="8"/>
      <c r="Q42" s="8"/>
      <c r="R42" s="4"/>
      <c r="S42" s="4"/>
      <c r="T42" s="4"/>
      <c r="U42" s="4"/>
    </row>
    <row r="43" spans="1:23" s="5" customFormat="1" ht="21" customHeight="1" thickBot="1" x14ac:dyDescent="0.2">
      <c r="A43" s="6"/>
      <c r="B43" s="8"/>
      <c r="H43" s="8"/>
      <c r="I43" s="8"/>
      <c r="J43" s="8"/>
      <c r="K43" s="8"/>
      <c r="L43" s="8"/>
      <c r="M43" s="8"/>
      <c r="N43" s="8"/>
      <c r="O43" s="8"/>
      <c r="P43" s="8"/>
      <c r="Q43" s="8"/>
      <c r="R43" s="4"/>
      <c r="S43" s="4"/>
      <c r="T43" s="4"/>
      <c r="U43" s="4"/>
    </row>
    <row r="44" spans="1:23" s="5" customFormat="1" ht="21" customHeight="1" x14ac:dyDescent="0.15">
      <c r="A44" s="272" t="s">
        <v>67</v>
      </c>
      <c r="B44" s="273"/>
      <c r="C44" s="273"/>
      <c r="D44" s="274"/>
      <c r="E44" s="9" t="s">
        <v>3</v>
      </c>
      <c r="F44" s="9" t="s">
        <v>4</v>
      </c>
      <c r="G44" s="9" t="s">
        <v>5</v>
      </c>
      <c r="H44" s="278" t="s">
        <v>6</v>
      </c>
      <c r="I44" s="279"/>
      <c r="J44" s="279"/>
      <c r="K44" s="278" t="s">
        <v>68</v>
      </c>
      <c r="L44" s="279"/>
      <c r="M44" s="279"/>
      <c r="N44" s="279"/>
      <c r="O44" s="279"/>
      <c r="P44" s="279"/>
      <c r="Q44" s="279"/>
      <c r="R44" s="280"/>
      <c r="S44" s="12"/>
      <c r="T44" s="11"/>
      <c r="U44" s="13"/>
      <c r="V44" s="14"/>
      <c r="W44" s="14"/>
    </row>
    <row r="45" spans="1:23" s="5" customFormat="1" ht="21" customHeight="1" thickBot="1" x14ac:dyDescent="0.2">
      <c r="A45" s="275"/>
      <c r="B45" s="276"/>
      <c r="C45" s="276"/>
      <c r="D45" s="277"/>
      <c r="E45" s="15" t="s">
        <v>8</v>
      </c>
      <c r="F45" s="15" t="s">
        <v>8</v>
      </c>
      <c r="G45" s="15" t="s">
        <v>9</v>
      </c>
      <c r="H45" s="16" t="s">
        <v>69</v>
      </c>
      <c r="I45" s="190" t="s">
        <v>70</v>
      </c>
      <c r="J45" s="191" t="s">
        <v>71</v>
      </c>
      <c r="K45" s="192" t="s">
        <v>13</v>
      </c>
      <c r="L45" s="192" t="s">
        <v>72</v>
      </c>
      <c r="M45" s="192" t="s">
        <v>15</v>
      </c>
      <c r="N45" s="192" t="s">
        <v>73</v>
      </c>
      <c r="O45" s="192" t="s">
        <v>74</v>
      </c>
      <c r="P45" s="192" t="s">
        <v>18</v>
      </c>
      <c r="Q45" s="192" t="s">
        <v>19</v>
      </c>
      <c r="R45" s="21" t="s">
        <v>75</v>
      </c>
      <c r="S45" s="22" t="s">
        <v>76</v>
      </c>
      <c r="T45" s="23" t="s">
        <v>77</v>
      </c>
      <c r="U45" s="22" t="s">
        <v>78</v>
      </c>
      <c r="V45" s="193"/>
      <c r="W45" s="14"/>
    </row>
    <row r="46" spans="1:23" s="5" customFormat="1" ht="21" customHeight="1" thickTop="1" x14ac:dyDescent="0.15">
      <c r="A46" s="281" t="s">
        <v>79</v>
      </c>
      <c r="B46" s="282"/>
      <c r="C46" s="282"/>
      <c r="D46" s="282"/>
      <c r="E46" s="24">
        <v>14579542847</v>
      </c>
      <c r="F46" s="24">
        <v>15058014525</v>
      </c>
      <c r="G46" s="24">
        <v>14175678126</v>
      </c>
      <c r="H46" s="194">
        <v>0.96799999999999997</v>
      </c>
      <c r="I46" s="194">
        <v>1.0620000000000001</v>
      </c>
      <c r="J46" s="194">
        <v>0.999</v>
      </c>
      <c r="K46" s="195">
        <v>1.38E-2</v>
      </c>
      <c r="L46" s="122">
        <v>1.3899999999999999E-2</v>
      </c>
      <c r="M46" s="122">
        <v>1.49E-2</v>
      </c>
      <c r="N46" s="122">
        <v>1.4999999999999999E-2</v>
      </c>
      <c r="O46" s="122">
        <v>1.6E-2</v>
      </c>
      <c r="P46" s="122">
        <v>1.67E-2</v>
      </c>
      <c r="Q46" s="122">
        <v>1.7999999999999999E-2</v>
      </c>
      <c r="R46" s="30">
        <v>1.9199999999999998E-2</v>
      </c>
      <c r="S46" s="31">
        <v>1.7100000000000001E-2</v>
      </c>
      <c r="T46" s="196">
        <v>1.8215514724167308E-2</v>
      </c>
      <c r="U46" s="31">
        <v>1.795485423682525E-2</v>
      </c>
      <c r="V46" s="193"/>
      <c r="W46" s="14"/>
    </row>
    <row r="47" spans="1:23" s="5" customFormat="1" ht="21" customHeight="1" x14ac:dyDescent="0.15">
      <c r="A47" s="284" t="s">
        <v>80</v>
      </c>
      <c r="B47" s="316" t="s">
        <v>81</v>
      </c>
      <c r="C47" s="232" t="s">
        <v>82</v>
      </c>
      <c r="D47" s="197"/>
      <c r="E47" s="36">
        <v>538928421934</v>
      </c>
      <c r="F47" s="37">
        <v>562247373948</v>
      </c>
      <c r="G47" s="37">
        <v>552674646549</v>
      </c>
      <c r="H47" s="198">
        <v>0.95899999999999996</v>
      </c>
      <c r="I47" s="198">
        <v>1.0169999999999999</v>
      </c>
      <c r="J47" s="198">
        <v>1.0069999999999999</v>
      </c>
      <c r="K47" s="200">
        <v>0.51129999999999998</v>
      </c>
      <c r="L47" s="200">
        <v>0.51719999999999999</v>
      </c>
      <c r="M47" s="200">
        <v>0.58250000000000002</v>
      </c>
      <c r="N47" s="200">
        <v>0.58130000000000004</v>
      </c>
      <c r="O47" s="200">
        <v>0.58240000000000003</v>
      </c>
      <c r="P47" s="200">
        <v>0.58709999999999996</v>
      </c>
      <c r="Q47" s="200">
        <v>0.59260000000000002</v>
      </c>
      <c r="R47" s="43">
        <v>0.57889999999999997</v>
      </c>
      <c r="S47" s="44">
        <v>0.59119999999999995</v>
      </c>
      <c r="T47" s="44">
        <v>0.59841186359554754</v>
      </c>
      <c r="U47" s="44">
        <v>0.57705601475344004</v>
      </c>
      <c r="V47" s="193"/>
      <c r="W47" s="14"/>
    </row>
    <row r="48" spans="1:23" s="5" customFormat="1" ht="21" customHeight="1" x14ac:dyDescent="0.15">
      <c r="A48" s="285"/>
      <c r="B48" s="334"/>
      <c r="C48" s="64" t="s">
        <v>83</v>
      </c>
      <c r="D48" s="201"/>
      <c r="E48" s="24">
        <v>7749943827</v>
      </c>
      <c r="F48" s="24">
        <v>8414606819</v>
      </c>
      <c r="G48" s="24">
        <v>8698028867</v>
      </c>
      <c r="H48" s="194">
        <v>0.92100000000000004</v>
      </c>
      <c r="I48" s="194">
        <v>0.96699999999999997</v>
      </c>
      <c r="J48" s="194">
        <v>0.98199999999999998</v>
      </c>
      <c r="K48" s="122">
        <v>7.4000000000000003E-3</v>
      </c>
      <c r="L48" s="122">
        <v>7.7000000000000002E-3</v>
      </c>
      <c r="M48" s="122">
        <v>9.1999999999999998E-3</v>
      </c>
      <c r="N48" s="122">
        <v>9.4000000000000004E-3</v>
      </c>
      <c r="O48" s="122">
        <v>9.5999999999999992E-3</v>
      </c>
      <c r="P48" s="122">
        <v>9.7999999999999997E-3</v>
      </c>
      <c r="Q48" s="122">
        <v>9.5999999999999992E-3</v>
      </c>
      <c r="R48" s="30">
        <v>9.2999999999999992E-3</v>
      </c>
      <c r="S48" s="31">
        <v>9.1999999999999998E-3</v>
      </c>
      <c r="T48" s="31">
        <v>8.6077374974657013E-3</v>
      </c>
      <c r="U48" s="31">
        <v>7.9100222132998908E-3</v>
      </c>
      <c r="V48" s="193"/>
      <c r="W48" s="14"/>
    </row>
    <row r="49" spans="1:23" s="5" customFormat="1" ht="21" customHeight="1" x14ac:dyDescent="0.15">
      <c r="A49" s="285"/>
      <c r="B49" s="334"/>
      <c r="C49" s="64" t="s">
        <v>84</v>
      </c>
      <c r="D49" s="201"/>
      <c r="E49" s="24">
        <v>546678365761</v>
      </c>
      <c r="F49" s="24">
        <v>570661980767</v>
      </c>
      <c r="G49" s="24">
        <v>561372675416</v>
      </c>
      <c r="H49" s="194">
        <v>0.95799999999999996</v>
      </c>
      <c r="I49" s="194">
        <v>1.0169999999999999</v>
      </c>
      <c r="J49" s="194">
        <v>1.006</v>
      </c>
      <c r="K49" s="122">
        <v>0.51870000000000005</v>
      </c>
      <c r="L49" s="122">
        <v>0.52500000000000002</v>
      </c>
      <c r="M49" s="122">
        <v>0.59160000000000001</v>
      </c>
      <c r="N49" s="122">
        <v>0.59060000000000001</v>
      </c>
      <c r="O49" s="122">
        <v>0.59209999999999996</v>
      </c>
      <c r="P49" s="122">
        <v>0.59689999999999999</v>
      </c>
      <c r="Q49" s="122">
        <v>0.60219999999999996</v>
      </c>
      <c r="R49" s="30">
        <v>0.58819999999999995</v>
      </c>
      <c r="S49" s="31">
        <v>0.60029999999999994</v>
      </c>
      <c r="T49" s="31">
        <v>0.60701960109301323</v>
      </c>
      <c r="U49" s="31">
        <v>0.58496603696673999</v>
      </c>
      <c r="V49" s="193"/>
      <c r="W49" s="14"/>
    </row>
    <row r="50" spans="1:23" s="5" customFormat="1" ht="21" customHeight="1" x14ac:dyDescent="0.15">
      <c r="A50" s="285"/>
      <c r="B50" s="335"/>
      <c r="C50" s="64" t="s">
        <v>85</v>
      </c>
      <c r="D50" s="201"/>
      <c r="E50" s="24">
        <v>1594076399</v>
      </c>
      <c r="F50" s="24">
        <v>1257759262</v>
      </c>
      <c r="G50" s="24">
        <v>1345000264</v>
      </c>
      <c r="H50" s="194">
        <v>1.2669999999999999</v>
      </c>
      <c r="I50" s="194">
        <v>0.93500000000000005</v>
      </c>
      <c r="J50" s="194">
        <v>0.95199999999999996</v>
      </c>
      <c r="K50" s="122">
        <v>1.5E-3</v>
      </c>
      <c r="L50" s="122">
        <v>1.1999999999999999E-3</v>
      </c>
      <c r="M50" s="122">
        <v>1.4E-3</v>
      </c>
      <c r="N50" s="122">
        <v>1.5E-3</v>
      </c>
      <c r="O50" s="122">
        <v>1.5E-3</v>
      </c>
      <c r="P50" s="122">
        <v>1.9E-3</v>
      </c>
      <c r="Q50" s="122">
        <v>1.9E-3</v>
      </c>
      <c r="R50" s="30">
        <v>1.8E-3</v>
      </c>
      <c r="S50" s="31">
        <v>1.9E-3</v>
      </c>
      <c r="T50" s="31">
        <v>2.0623193793373215E-3</v>
      </c>
      <c r="U50" s="31">
        <v>2.1542658353928389E-3</v>
      </c>
      <c r="V50" s="193"/>
      <c r="W50" s="14"/>
    </row>
    <row r="51" spans="1:23" s="5" customFormat="1" ht="21" customHeight="1" x14ac:dyDescent="0.15">
      <c r="A51" s="285"/>
      <c r="B51" s="32" t="s">
        <v>86</v>
      </c>
      <c r="C51" s="202"/>
      <c r="D51" s="202"/>
      <c r="E51" s="35">
        <v>72003839338</v>
      </c>
      <c r="F51" s="35">
        <v>70348645859</v>
      </c>
      <c r="G51" s="203">
        <v>65684705330</v>
      </c>
      <c r="H51" s="198">
        <v>1.024</v>
      </c>
      <c r="I51" s="198">
        <v>1.071</v>
      </c>
      <c r="J51" s="198">
        <v>1.026</v>
      </c>
      <c r="K51" s="200">
        <v>6.83E-2</v>
      </c>
      <c r="L51" s="200">
        <v>6.4699999999999994E-2</v>
      </c>
      <c r="M51" s="200">
        <v>6.9199999999999998E-2</v>
      </c>
      <c r="N51" s="200">
        <v>6.7799999999999999E-2</v>
      </c>
      <c r="O51" s="200">
        <v>6.4199999999999993E-2</v>
      </c>
      <c r="P51" s="200">
        <v>6.0199999999999997E-2</v>
      </c>
      <c r="Q51" s="200">
        <v>5.8000000000000003E-2</v>
      </c>
      <c r="R51" s="204">
        <v>4.9700000000000001E-2</v>
      </c>
      <c r="S51" s="44">
        <v>4.99E-2</v>
      </c>
      <c r="T51" s="44">
        <v>4.8080449596699319E-2</v>
      </c>
      <c r="U51" s="44">
        <v>4.6216566335530743E-2</v>
      </c>
      <c r="V51" s="205"/>
      <c r="W51" s="14"/>
    </row>
    <row r="52" spans="1:23" s="5" customFormat="1" ht="21" customHeight="1" x14ac:dyDescent="0.15">
      <c r="A52" s="285"/>
      <c r="B52" s="287" t="s">
        <v>87</v>
      </c>
      <c r="C52" s="288"/>
      <c r="D52" s="288"/>
      <c r="E52" s="46">
        <v>51406579</v>
      </c>
      <c r="F52" s="49">
        <v>43042336</v>
      </c>
      <c r="G52" s="49">
        <v>38322430</v>
      </c>
      <c r="H52" s="206">
        <v>1.194</v>
      </c>
      <c r="I52" s="206">
        <v>1.123</v>
      </c>
      <c r="J52" s="206">
        <v>1.08</v>
      </c>
      <c r="K52" s="200">
        <v>0</v>
      </c>
      <c r="L52" s="200">
        <v>0</v>
      </c>
      <c r="M52" s="200">
        <v>0</v>
      </c>
      <c r="N52" s="200">
        <v>0</v>
      </c>
      <c r="O52" s="200">
        <v>0.1318</v>
      </c>
      <c r="P52" s="200">
        <v>0.15</v>
      </c>
      <c r="Q52" s="200">
        <v>0</v>
      </c>
      <c r="R52" s="54" t="s">
        <v>30</v>
      </c>
      <c r="S52" s="55" t="s">
        <v>30</v>
      </c>
      <c r="T52" s="44"/>
      <c r="U52" s="44"/>
      <c r="V52" s="205"/>
      <c r="W52" s="14"/>
    </row>
    <row r="53" spans="1:23" s="5" customFormat="1" ht="21" customHeight="1" x14ac:dyDescent="0.15">
      <c r="A53" s="285"/>
      <c r="B53" s="32" t="s">
        <v>88</v>
      </c>
      <c r="C53" s="202"/>
      <c r="D53" s="202"/>
      <c r="E53" s="46">
        <v>8103751</v>
      </c>
      <c r="F53" s="37">
        <v>5445450</v>
      </c>
      <c r="G53" s="37">
        <v>5816542</v>
      </c>
      <c r="H53" s="198">
        <v>1.488</v>
      </c>
      <c r="I53" s="198">
        <v>0.93600000000000005</v>
      </c>
      <c r="J53" s="198">
        <v>1.1870000000000001</v>
      </c>
      <c r="K53" s="200">
        <v>0</v>
      </c>
      <c r="L53" s="200">
        <v>0</v>
      </c>
      <c r="M53" s="200">
        <v>0</v>
      </c>
      <c r="N53" s="200">
        <v>0</v>
      </c>
      <c r="O53" s="200">
        <v>0</v>
      </c>
      <c r="P53" s="200">
        <v>0</v>
      </c>
      <c r="Q53" s="200">
        <v>0</v>
      </c>
      <c r="R53" s="43">
        <v>0</v>
      </c>
      <c r="S53" s="44">
        <v>0</v>
      </c>
      <c r="T53" s="44">
        <v>3.8391647965807531E-6</v>
      </c>
      <c r="U53" s="44">
        <v>6.894118506379756E-6</v>
      </c>
      <c r="V53" s="205"/>
      <c r="W53" s="14"/>
    </row>
    <row r="54" spans="1:23" s="5" customFormat="1" ht="21" customHeight="1" x14ac:dyDescent="0.15">
      <c r="A54" s="285"/>
      <c r="B54" s="32" t="s">
        <v>89</v>
      </c>
      <c r="C54" s="202"/>
      <c r="D54" s="202"/>
      <c r="E54" s="46">
        <v>4195419181</v>
      </c>
      <c r="F54" s="37">
        <v>4635329006</v>
      </c>
      <c r="G54" s="37">
        <v>4943286679</v>
      </c>
      <c r="H54" s="198">
        <v>0.90500000000000003</v>
      </c>
      <c r="I54" s="198">
        <v>0.93799999999999994</v>
      </c>
      <c r="J54" s="198">
        <v>0.94699999999999995</v>
      </c>
      <c r="K54" s="200">
        <v>4.0000000000000001E-3</v>
      </c>
      <c r="L54" s="200">
        <v>4.3E-3</v>
      </c>
      <c r="M54" s="200">
        <v>5.1999999999999998E-3</v>
      </c>
      <c r="N54" s="200">
        <v>5.4999999999999997E-3</v>
      </c>
      <c r="O54" s="200">
        <v>6.1000000000000004E-3</v>
      </c>
      <c r="P54" s="200">
        <v>6.4999999999999997E-3</v>
      </c>
      <c r="Q54" s="200">
        <v>6.3E-3</v>
      </c>
      <c r="R54" s="43">
        <v>6.4000000000000003E-3</v>
      </c>
      <c r="S54" s="44">
        <v>6.7000000000000002E-3</v>
      </c>
      <c r="T54" s="44">
        <v>6.5341544760307629E-3</v>
      </c>
      <c r="U54" s="44">
        <v>7.2505945289226071E-3</v>
      </c>
      <c r="V54" s="205"/>
      <c r="W54" s="14"/>
    </row>
    <row r="55" spans="1:23" s="5" customFormat="1" ht="21" customHeight="1" x14ac:dyDescent="0.15">
      <c r="A55" s="285"/>
      <c r="B55" s="56" t="s">
        <v>90</v>
      </c>
      <c r="C55" s="207"/>
      <c r="D55" s="207"/>
      <c r="E55" s="46">
        <v>631680000</v>
      </c>
      <c r="F55" s="37">
        <v>652270000</v>
      </c>
      <c r="G55" s="37">
        <v>672530000</v>
      </c>
      <c r="H55" s="208">
        <v>0.96799999999999997</v>
      </c>
      <c r="I55" s="208">
        <v>0.97</v>
      </c>
      <c r="J55" s="208">
        <v>0.998</v>
      </c>
      <c r="K55" s="209">
        <v>5.9999999999999995E-4</v>
      </c>
      <c r="L55" s="209">
        <v>5.9999999999999995E-4</v>
      </c>
      <c r="M55" s="209">
        <v>6.9999999999999999E-4</v>
      </c>
      <c r="N55" s="209">
        <v>6.9999999999999999E-4</v>
      </c>
      <c r="O55" s="209">
        <v>8.0000000000000004E-4</v>
      </c>
      <c r="P55" s="209">
        <v>8.0000000000000004E-4</v>
      </c>
      <c r="Q55" s="209">
        <v>1E-3</v>
      </c>
      <c r="R55" s="43">
        <v>2.8E-3</v>
      </c>
      <c r="S55" s="44">
        <v>3.5000000000000001E-3</v>
      </c>
      <c r="T55" s="62">
        <v>4.1486708411733499E-3</v>
      </c>
      <c r="U55" s="210">
        <v>4.1145909582847367E-3</v>
      </c>
      <c r="V55" s="205"/>
      <c r="W55" s="14"/>
    </row>
    <row r="56" spans="1:23" s="5" customFormat="1" ht="21" customHeight="1" x14ac:dyDescent="0.15">
      <c r="A56" s="285"/>
      <c r="B56" s="64" t="s">
        <v>91</v>
      </c>
      <c r="C56" s="126"/>
      <c r="D56" s="126"/>
      <c r="E56" s="66">
        <v>642898708</v>
      </c>
      <c r="F56" s="24">
        <v>743982402</v>
      </c>
      <c r="G56" s="24">
        <v>954724153</v>
      </c>
      <c r="H56" s="194">
        <v>0.86399999999999999</v>
      </c>
      <c r="I56" s="194">
        <v>0.77900000000000003</v>
      </c>
      <c r="J56" s="194">
        <v>0.67500000000000004</v>
      </c>
      <c r="K56" s="122">
        <v>5.9999999999999995E-4</v>
      </c>
      <c r="L56" s="122">
        <v>6.9999999999999999E-4</v>
      </c>
      <c r="M56" s="122">
        <v>1E-3</v>
      </c>
      <c r="N56" s="122">
        <v>1.5E-3</v>
      </c>
      <c r="O56" s="122">
        <v>1.6000000000000001E-3</v>
      </c>
      <c r="P56" s="122">
        <v>2.0999999999999999E-3</v>
      </c>
      <c r="Q56" s="122">
        <v>2.7000000000000001E-3</v>
      </c>
      <c r="R56" s="30">
        <v>2.7000000000000001E-3</v>
      </c>
      <c r="S56" s="31">
        <v>2.3999999999999998E-3</v>
      </c>
      <c r="T56" s="31">
        <v>2.5658506161597323E-3</v>
      </c>
      <c r="U56" s="31">
        <v>2.9443162130387652E-3</v>
      </c>
      <c r="V56" s="205"/>
      <c r="W56" s="14"/>
    </row>
    <row r="57" spans="1:23" s="5" customFormat="1" ht="21" customHeight="1" x14ac:dyDescent="0.15">
      <c r="A57" s="286"/>
      <c r="B57" s="64" t="s">
        <v>92</v>
      </c>
      <c r="C57" s="211"/>
      <c r="D57" s="211"/>
      <c r="E57" s="212">
        <v>625805789717</v>
      </c>
      <c r="F57" s="74">
        <v>648348455082</v>
      </c>
      <c r="G57" s="74">
        <v>635017060814</v>
      </c>
      <c r="H57" s="194">
        <v>0.96499999999999997</v>
      </c>
      <c r="I57" s="194">
        <v>1.0209999999999999</v>
      </c>
      <c r="J57" s="194">
        <v>1.0069999999999999</v>
      </c>
      <c r="K57" s="122">
        <v>0.59370000000000001</v>
      </c>
      <c r="L57" s="122">
        <v>0.59640000000000004</v>
      </c>
      <c r="M57" s="122">
        <v>0.66930000000000001</v>
      </c>
      <c r="N57" s="122">
        <v>0.66769999999999996</v>
      </c>
      <c r="O57" s="122">
        <v>0.6663</v>
      </c>
      <c r="P57" s="122">
        <v>0.66839999999999999</v>
      </c>
      <c r="Q57" s="122">
        <v>0.67210000000000003</v>
      </c>
      <c r="R57" s="30">
        <v>0.65159999999999996</v>
      </c>
      <c r="S57" s="31">
        <v>0.66479999999999995</v>
      </c>
      <c r="T57" s="31">
        <v>0.67041488516721037</v>
      </c>
      <c r="U57" s="31">
        <v>0.64765326495641606</v>
      </c>
      <c r="V57" s="205"/>
      <c r="W57" s="14"/>
    </row>
    <row r="58" spans="1:23" s="5" customFormat="1" ht="21" customHeight="1" x14ac:dyDescent="0.15">
      <c r="A58" s="336" t="s">
        <v>93</v>
      </c>
      <c r="B58" s="337"/>
      <c r="C58" s="32" t="s">
        <v>94</v>
      </c>
      <c r="D58" s="233"/>
      <c r="E58" s="35">
        <v>125160383746</v>
      </c>
      <c r="F58" s="35">
        <v>132204583582</v>
      </c>
      <c r="G58" s="35">
        <v>134369330976</v>
      </c>
      <c r="H58" s="199">
        <v>0.94699999999999995</v>
      </c>
      <c r="I58" s="199">
        <v>0.98399999999999999</v>
      </c>
      <c r="J58" s="199">
        <v>0.99399999999999999</v>
      </c>
      <c r="K58" s="213">
        <v>0.1187</v>
      </c>
      <c r="L58" s="213">
        <v>0.1216</v>
      </c>
      <c r="M58" s="213">
        <v>0.1416</v>
      </c>
      <c r="N58" s="213">
        <v>0.1431</v>
      </c>
      <c r="O58" s="213">
        <v>0.1295</v>
      </c>
      <c r="P58" s="213">
        <v>0.1336</v>
      </c>
      <c r="Q58" s="213">
        <v>0.1232</v>
      </c>
      <c r="R58" s="54" t="s">
        <v>30</v>
      </c>
      <c r="S58" s="55" t="s">
        <v>30</v>
      </c>
      <c r="T58" s="85"/>
      <c r="U58" s="85"/>
      <c r="V58" s="205"/>
      <c r="W58" s="14"/>
    </row>
    <row r="59" spans="1:23" s="5" customFormat="1" ht="21" customHeight="1" x14ac:dyDescent="0.15">
      <c r="A59" s="338"/>
      <c r="B59" s="339"/>
      <c r="C59" s="64" t="s">
        <v>95</v>
      </c>
      <c r="D59" s="214"/>
      <c r="E59" s="66">
        <v>8990047</v>
      </c>
      <c r="F59" s="66">
        <v>8803549</v>
      </c>
      <c r="G59" s="66">
        <v>9484830</v>
      </c>
      <c r="H59" s="215">
        <v>1.0209999999999999</v>
      </c>
      <c r="I59" s="215">
        <v>0.92800000000000005</v>
      </c>
      <c r="J59" s="215">
        <v>0.871</v>
      </c>
      <c r="K59" s="122">
        <v>0</v>
      </c>
      <c r="L59" s="122">
        <v>0</v>
      </c>
      <c r="M59" s="122">
        <v>0</v>
      </c>
      <c r="N59" s="122">
        <v>0</v>
      </c>
      <c r="O59" s="122">
        <v>0</v>
      </c>
      <c r="P59" s="122">
        <v>0</v>
      </c>
      <c r="Q59" s="122">
        <v>0</v>
      </c>
      <c r="R59" s="216" t="s">
        <v>30</v>
      </c>
      <c r="S59" s="217" t="s">
        <v>30</v>
      </c>
      <c r="T59" s="218"/>
      <c r="U59" s="85"/>
      <c r="V59" s="193"/>
      <c r="W59" s="14"/>
    </row>
    <row r="60" spans="1:23" s="5" customFormat="1" ht="21" customHeight="1" x14ac:dyDescent="0.15">
      <c r="A60" s="336" t="s">
        <v>96</v>
      </c>
      <c r="B60" s="337"/>
      <c r="C60" s="32" t="s">
        <v>97</v>
      </c>
      <c r="D60" s="233"/>
      <c r="E60" s="35">
        <v>2956905875</v>
      </c>
      <c r="F60" s="35">
        <v>3072784959</v>
      </c>
      <c r="G60" s="35">
        <v>2864475148</v>
      </c>
      <c r="H60" s="199">
        <v>0.96199999999999997</v>
      </c>
      <c r="I60" s="199">
        <v>1.073</v>
      </c>
      <c r="J60" s="199">
        <v>1.1020000000000001</v>
      </c>
      <c r="K60" s="213">
        <v>2.8E-3</v>
      </c>
      <c r="L60" s="213">
        <v>2.8E-3</v>
      </c>
      <c r="M60" s="213">
        <v>3.0000000000000001E-3</v>
      </c>
      <c r="N60" s="213">
        <v>2.8E-3</v>
      </c>
      <c r="O60" s="213">
        <v>2.7000000000000001E-3</v>
      </c>
      <c r="P60" s="213">
        <v>2.2000000000000001E-3</v>
      </c>
      <c r="Q60" s="213">
        <v>1.1000000000000001E-3</v>
      </c>
      <c r="R60" s="54" t="s">
        <v>30</v>
      </c>
      <c r="S60" s="55" t="s">
        <v>30</v>
      </c>
      <c r="T60" s="219"/>
      <c r="U60" s="85"/>
      <c r="V60" s="193"/>
      <c r="W60" s="14"/>
    </row>
    <row r="61" spans="1:23" s="5" customFormat="1" ht="21" customHeight="1" x14ac:dyDescent="0.15">
      <c r="A61" s="338"/>
      <c r="B61" s="339"/>
      <c r="C61" s="64" t="s">
        <v>98</v>
      </c>
      <c r="D61" s="214"/>
      <c r="E61" s="66">
        <v>8758787</v>
      </c>
      <c r="F61" s="66">
        <v>9055075</v>
      </c>
      <c r="G61" s="66">
        <v>9484830</v>
      </c>
      <c r="H61" s="215">
        <v>0.96699999999999997</v>
      </c>
      <c r="I61" s="215">
        <v>0.95499999999999996</v>
      </c>
      <c r="J61" s="215">
        <v>0.871</v>
      </c>
      <c r="K61" s="122">
        <v>0</v>
      </c>
      <c r="L61" s="122">
        <v>0</v>
      </c>
      <c r="M61" s="122">
        <v>0</v>
      </c>
      <c r="N61" s="122">
        <v>0</v>
      </c>
      <c r="O61" s="122">
        <v>0</v>
      </c>
      <c r="P61" s="122">
        <v>0</v>
      </c>
      <c r="Q61" s="122">
        <v>0</v>
      </c>
      <c r="R61" s="216" t="s">
        <v>30</v>
      </c>
      <c r="S61" s="217" t="s">
        <v>30</v>
      </c>
      <c r="T61" s="31"/>
      <c r="U61" s="85"/>
      <c r="V61" s="193"/>
      <c r="W61" s="14"/>
    </row>
    <row r="62" spans="1:23" s="5" customFormat="1" ht="21" customHeight="1" x14ac:dyDescent="0.15">
      <c r="A62" s="336" t="s">
        <v>99</v>
      </c>
      <c r="B62" s="337"/>
      <c r="C62" s="32" t="s">
        <v>100</v>
      </c>
      <c r="D62" s="233"/>
      <c r="E62" s="266">
        <v>-6518</v>
      </c>
      <c r="F62" s="266">
        <v>-76697</v>
      </c>
      <c r="G62" s="266">
        <v>-9903</v>
      </c>
      <c r="H62" s="198">
        <v>8.5000000000000006E-2</v>
      </c>
      <c r="I62" s="198">
        <v>7.7450000000000001</v>
      </c>
      <c r="J62" s="198">
        <v>-5.0000000000000001E-3</v>
      </c>
      <c r="K62" s="200">
        <v>0</v>
      </c>
      <c r="L62" s="200">
        <v>0</v>
      </c>
      <c r="M62" s="200">
        <v>0</v>
      </c>
      <c r="N62" s="200">
        <v>0</v>
      </c>
      <c r="O62" s="200">
        <v>0</v>
      </c>
      <c r="P62" s="200">
        <v>7.7000000000000002E-3</v>
      </c>
      <c r="Q62" s="200">
        <v>2.93E-2</v>
      </c>
      <c r="R62" s="43">
        <v>0.1762</v>
      </c>
      <c r="S62" s="44">
        <v>0.18790000000000001</v>
      </c>
      <c r="T62" s="44">
        <v>0.2141704060217002</v>
      </c>
      <c r="U62" s="44">
        <v>0.24119186548717278</v>
      </c>
      <c r="V62" s="193"/>
      <c r="W62" s="14"/>
    </row>
    <row r="63" spans="1:23" s="5" customFormat="1" ht="21" customHeight="1" x14ac:dyDescent="0.15">
      <c r="A63" s="338"/>
      <c r="B63" s="339"/>
      <c r="C63" s="64" t="s">
        <v>98</v>
      </c>
      <c r="D63" s="214"/>
      <c r="E63" s="120">
        <v>3565379</v>
      </c>
      <c r="F63" s="24">
        <v>4537755</v>
      </c>
      <c r="G63" s="24">
        <v>4537755</v>
      </c>
      <c r="H63" s="194">
        <v>0.78600000000000003</v>
      </c>
      <c r="I63" s="194">
        <v>1</v>
      </c>
      <c r="J63" s="194">
        <v>0.93300000000000005</v>
      </c>
      <c r="K63" s="122">
        <v>0</v>
      </c>
      <c r="L63" s="122">
        <v>0</v>
      </c>
      <c r="M63" s="122">
        <v>0</v>
      </c>
      <c r="N63" s="122">
        <v>0</v>
      </c>
      <c r="O63" s="122">
        <v>0</v>
      </c>
      <c r="P63" s="122">
        <v>0</v>
      </c>
      <c r="Q63" s="122">
        <v>2.0000000000000001E-4</v>
      </c>
      <c r="R63" s="30">
        <v>2.5000000000000001E-3</v>
      </c>
      <c r="S63" s="31">
        <v>2.8E-3</v>
      </c>
      <c r="T63" s="31">
        <v>2.9607469131364998E-3</v>
      </c>
      <c r="U63" s="31">
        <v>3.1413816511476665E-3</v>
      </c>
      <c r="V63" s="193"/>
      <c r="W63" s="14"/>
    </row>
    <row r="64" spans="1:23" s="5" customFormat="1" ht="21" customHeight="1" x14ac:dyDescent="0.15">
      <c r="A64" s="340" t="s">
        <v>101</v>
      </c>
      <c r="B64" s="291"/>
      <c r="C64" s="291"/>
      <c r="D64" s="291"/>
      <c r="E64" s="24">
        <v>48175818813</v>
      </c>
      <c r="F64" s="24">
        <v>51292845135</v>
      </c>
      <c r="G64" s="24">
        <v>56609947728</v>
      </c>
      <c r="H64" s="194">
        <v>0.93899999999999995</v>
      </c>
      <c r="I64" s="194">
        <v>0.90600000000000003</v>
      </c>
      <c r="J64" s="194">
        <v>1.0069999999999999</v>
      </c>
      <c r="K64" s="220">
        <v>4.5699999999999998E-2</v>
      </c>
      <c r="L64" s="220">
        <v>4.7199999999999999E-2</v>
      </c>
      <c r="M64" s="220">
        <v>5.9700000000000003E-2</v>
      </c>
      <c r="N64" s="220">
        <v>5.9499999999999997E-2</v>
      </c>
      <c r="O64" s="220">
        <v>5.3900000000000003E-2</v>
      </c>
      <c r="P64" s="220">
        <v>4.8899999999999999E-2</v>
      </c>
      <c r="Q64" s="220">
        <v>5.2299999999999999E-2</v>
      </c>
      <c r="R64" s="30">
        <v>5.67E-2</v>
      </c>
      <c r="S64" s="31">
        <v>6.5100000000000005E-2</v>
      </c>
      <c r="T64" s="31">
        <v>6.6807279470865163E-2</v>
      </c>
      <c r="U64" s="31">
        <v>6.1782216967476003E-2</v>
      </c>
      <c r="V64" s="193"/>
      <c r="W64" s="14"/>
    </row>
    <row r="65" spans="1:23" s="5" customFormat="1" ht="21" customHeight="1" x14ac:dyDescent="0.15">
      <c r="A65" s="341" t="s">
        <v>102</v>
      </c>
      <c r="B65" s="344" t="s">
        <v>103</v>
      </c>
      <c r="C65" s="345"/>
      <c r="D65" s="346"/>
      <c r="E65" s="36">
        <v>24657647695</v>
      </c>
      <c r="F65" s="36">
        <v>21879607385</v>
      </c>
      <c r="G65" s="36">
        <v>19942731995</v>
      </c>
      <c r="H65" s="221">
        <v>1.127</v>
      </c>
      <c r="I65" s="221">
        <v>1.097</v>
      </c>
      <c r="J65" s="221">
        <v>1.0109999999999999</v>
      </c>
      <c r="K65" s="222">
        <v>2.3400000000000001E-2</v>
      </c>
      <c r="L65" s="222">
        <v>2.01E-2</v>
      </c>
      <c r="M65" s="222">
        <v>2.1000000000000001E-2</v>
      </c>
      <c r="N65" s="222">
        <v>2.0899999999999998E-2</v>
      </c>
      <c r="O65" s="222">
        <v>0.02</v>
      </c>
      <c r="P65" s="222">
        <v>1.8200000000000001E-2</v>
      </c>
      <c r="Q65" s="222">
        <v>1.7000000000000001E-2</v>
      </c>
      <c r="R65" s="223">
        <v>1.52E-2</v>
      </c>
      <c r="S65" s="168">
        <v>1.5299999999999999E-2</v>
      </c>
      <c r="T65" s="168">
        <v>1.8654640007033301E-2</v>
      </c>
      <c r="U65" s="168">
        <v>1.8670761237031566E-2</v>
      </c>
      <c r="V65" s="193"/>
      <c r="W65" s="14"/>
    </row>
    <row r="66" spans="1:23" s="5" customFormat="1" ht="21" customHeight="1" x14ac:dyDescent="0.15">
      <c r="A66" s="342"/>
      <c r="B66" s="347" t="s">
        <v>104</v>
      </c>
      <c r="C66" s="348"/>
      <c r="D66" s="349"/>
      <c r="E66" s="46">
        <v>198321423316</v>
      </c>
      <c r="F66" s="46">
        <v>198695766711</v>
      </c>
      <c r="G66" s="46">
        <v>67018831356</v>
      </c>
      <c r="H66" s="224">
        <v>0.998</v>
      </c>
      <c r="I66" s="224">
        <v>2.9649999999999999</v>
      </c>
      <c r="J66" s="224">
        <v>1.022</v>
      </c>
      <c r="K66" s="225">
        <v>0.18820000000000001</v>
      </c>
      <c r="L66" s="225">
        <v>0.18279999999999999</v>
      </c>
      <c r="M66" s="225">
        <v>7.0599999999999996E-2</v>
      </c>
      <c r="N66" s="225">
        <v>6.9400000000000003E-2</v>
      </c>
      <c r="O66" s="225">
        <v>7.1400000000000005E-2</v>
      </c>
      <c r="P66" s="225">
        <v>7.5999999999999998E-2</v>
      </c>
      <c r="Q66" s="225">
        <v>7.4300000000000005E-2</v>
      </c>
      <c r="R66" s="226">
        <v>6.6500000000000004E-2</v>
      </c>
      <c r="S66" s="227">
        <v>3.6200000000000003E-2</v>
      </c>
      <c r="T66" s="228" t="s">
        <v>30</v>
      </c>
      <c r="U66" s="228" t="s">
        <v>30</v>
      </c>
      <c r="V66" s="193"/>
      <c r="W66" s="14"/>
    </row>
    <row r="67" spans="1:23" s="5" customFormat="1" ht="21" customHeight="1" x14ac:dyDescent="0.15">
      <c r="A67" s="343"/>
      <c r="B67" s="350" t="s">
        <v>105</v>
      </c>
      <c r="C67" s="351"/>
      <c r="D67" s="352"/>
      <c r="E67" s="24">
        <v>832360</v>
      </c>
      <c r="F67" s="24">
        <v>841399</v>
      </c>
      <c r="G67" s="24">
        <v>851808</v>
      </c>
      <c r="H67" s="229">
        <v>0.98899999999999999</v>
      </c>
      <c r="I67" s="229">
        <v>0.98799999999999999</v>
      </c>
      <c r="J67" s="229">
        <v>1.0269999999999999</v>
      </c>
      <c r="K67" s="160">
        <v>0</v>
      </c>
      <c r="L67" s="160">
        <v>0</v>
      </c>
      <c r="M67" s="160">
        <v>0</v>
      </c>
      <c r="N67" s="160">
        <v>0</v>
      </c>
      <c r="O67" s="160">
        <v>0</v>
      </c>
      <c r="P67" s="160">
        <v>1E-4</v>
      </c>
      <c r="Q67" s="160">
        <v>1E-4</v>
      </c>
      <c r="R67" s="230">
        <v>1E-4</v>
      </c>
      <c r="S67" s="138">
        <v>0</v>
      </c>
      <c r="T67" s="231" t="s">
        <v>30</v>
      </c>
      <c r="U67" s="231" t="s">
        <v>30</v>
      </c>
      <c r="V67" s="193"/>
      <c r="W67" s="14"/>
    </row>
    <row r="68" spans="1:23" s="5" customFormat="1" ht="21" customHeight="1" x14ac:dyDescent="0.15">
      <c r="A68" s="353" t="s">
        <v>106</v>
      </c>
      <c r="B68" s="354"/>
      <c r="C68" s="357" t="s">
        <v>107</v>
      </c>
      <c r="D68" s="358"/>
      <c r="E68" s="36">
        <v>4875773069</v>
      </c>
      <c r="F68" s="36">
        <v>5078892732</v>
      </c>
      <c r="G68" s="36">
        <v>4928151971</v>
      </c>
      <c r="H68" s="234">
        <v>0.96</v>
      </c>
      <c r="I68" s="234">
        <v>1.0309999999999999</v>
      </c>
      <c r="J68" s="234">
        <v>1.046</v>
      </c>
      <c r="K68" s="235">
        <v>4.5999999999999999E-3</v>
      </c>
      <c r="L68" s="235">
        <v>4.7000000000000002E-3</v>
      </c>
      <c r="M68" s="235">
        <v>5.1999999999999998E-3</v>
      </c>
      <c r="N68" s="235">
        <v>5.0000000000000001E-3</v>
      </c>
      <c r="O68" s="235">
        <v>4.7000000000000002E-3</v>
      </c>
      <c r="P68" s="235">
        <v>4.7000000000000002E-3</v>
      </c>
      <c r="Q68" s="235">
        <v>4.1999999999999997E-3</v>
      </c>
      <c r="R68" s="112">
        <v>2.8E-3</v>
      </c>
      <c r="S68" s="236">
        <v>2.8153990165281253E-3</v>
      </c>
      <c r="T68" s="237"/>
      <c r="U68" s="238"/>
      <c r="V68" s="193"/>
      <c r="W68" s="14"/>
    </row>
    <row r="69" spans="1:23" s="5" customFormat="1" ht="21" customHeight="1" x14ac:dyDescent="0.15">
      <c r="A69" s="355"/>
      <c r="B69" s="356"/>
      <c r="C69" s="359" t="s">
        <v>108</v>
      </c>
      <c r="D69" s="360"/>
      <c r="E69" s="24">
        <v>1480252202</v>
      </c>
      <c r="F69" s="24">
        <v>1460262950</v>
      </c>
      <c r="G69" s="24">
        <v>1440301300</v>
      </c>
      <c r="H69" s="215">
        <v>1.014</v>
      </c>
      <c r="I69" s="215">
        <v>1.014</v>
      </c>
      <c r="J69" s="215">
        <v>1.034</v>
      </c>
      <c r="K69" s="122">
        <v>1.4E-3</v>
      </c>
      <c r="L69" s="122">
        <v>1.2999999999999999E-3</v>
      </c>
      <c r="M69" s="122">
        <v>1.5E-3</v>
      </c>
      <c r="N69" s="122">
        <v>1.5E-3</v>
      </c>
      <c r="O69" s="122">
        <v>1.6000000000000001E-3</v>
      </c>
      <c r="P69" s="122">
        <v>1.6999999999999999E-3</v>
      </c>
      <c r="Q69" s="122">
        <v>1.6000000000000001E-3</v>
      </c>
      <c r="R69" s="216" t="s">
        <v>30</v>
      </c>
      <c r="S69" s="217" t="s">
        <v>30</v>
      </c>
      <c r="T69" s="72">
        <v>2.8622344093064138E-3</v>
      </c>
      <c r="U69" s="31">
        <v>3.0199074842060612E-3</v>
      </c>
      <c r="V69" s="193"/>
      <c r="W69" s="14"/>
    </row>
    <row r="70" spans="1:23" s="5" customFormat="1" ht="21" customHeight="1" x14ac:dyDescent="0.15">
      <c r="A70" s="327" t="s">
        <v>109</v>
      </c>
      <c r="B70" s="322"/>
      <c r="C70" s="322"/>
      <c r="D70" s="323"/>
      <c r="E70" s="24">
        <v>66946000</v>
      </c>
      <c r="F70" s="24">
        <v>62575000</v>
      </c>
      <c r="G70" s="24">
        <v>30158000</v>
      </c>
      <c r="H70" s="194">
        <v>1.07</v>
      </c>
      <c r="I70" s="194">
        <v>2.0750000000000002</v>
      </c>
      <c r="J70" s="194">
        <v>1.859</v>
      </c>
      <c r="K70" s="122">
        <v>1E-4</v>
      </c>
      <c r="L70" s="122">
        <v>1E-4</v>
      </c>
      <c r="M70" s="122">
        <v>0</v>
      </c>
      <c r="N70" s="122">
        <v>0</v>
      </c>
      <c r="O70" s="122">
        <v>0</v>
      </c>
      <c r="P70" s="122">
        <v>0</v>
      </c>
      <c r="Q70" s="122">
        <v>0</v>
      </c>
      <c r="R70" s="30">
        <v>0</v>
      </c>
      <c r="S70" s="31">
        <v>0</v>
      </c>
      <c r="T70" s="31">
        <v>0</v>
      </c>
      <c r="U70" s="31">
        <v>5.7422455915212409E-5</v>
      </c>
      <c r="V70" s="193"/>
      <c r="W70" s="14"/>
    </row>
    <row r="71" spans="1:23" s="5" customFormat="1" ht="21" customHeight="1" x14ac:dyDescent="0.15">
      <c r="A71" s="324" t="s">
        <v>110</v>
      </c>
      <c r="B71" s="325"/>
      <c r="C71" s="325"/>
      <c r="D71" s="326"/>
      <c r="E71" s="24">
        <v>6300411440</v>
      </c>
      <c r="F71" s="24">
        <v>8365674086</v>
      </c>
      <c r="G71" s="24">
        <v>11303884406</v>
      </c>
      <c r="H71" s="239">
        <v>0.753</v>
      </c>
      <c r="I71" s="239">
        <v>0.74</v>
      </c>
      <c r="J71" s="239">
        <v>0.92</v>
      </c>
      <c r="K71" s="160">
        <v>6.0000000000000001E-3</v>
      </c>
      <c r="L71" s="160">
        <v>7.7000000000000002E-3</v>
      </c>
      <c r="M71" s="160">
        <v>1.1900000000000001E-2</v>
      </c>
      <c r="N71" s="160">
        <v>1.2999999999999999E-2</v>
      </c>
      <c r="O71" s="160">
        <v>1.03E-2</v>
      </c>
      <c r="P71" s="160">
        <v>4.1999999999999997E-3</v>
      </c>
      <c r="Q71" s="160">
        <v>4.8999999999999998E-3</v>
      </c>
      <c r="R71" s="230">
        <v>8.3999999999999995E-3</v>
      </c>
      <c r="S71" s="240">
        <v>1.1999999999999999E-3</v>
      </c>
      <c r="T71" s="240">
        <v>5.7243335694520756E-4</v>
      </c>
      <c r="U71" s="241" t="s">
        <v>59</v>
      </c>
      <c r="V71" s="193"/>
      <c r="W71" s="14"/>
    </row>
    <row r="72" spans="1:23" s="5" customFormat="1" ht="21" customHeight="1" x14ac:dyDescent="0.15">
      <c r="A72" s="327" t="s">
        <v>111</v>
      </c>
      <c r="B72" s="322"/>
      <c r="C72" s="322"/>
      <c r="D72" s="323"/>
      <c r="E72" s="24">
        <v>1052403034775</v>
      </c>
      <c r="F72" s="24">
        <v>1085542623228</v>
      </c>
      <c r="G72" s="24">
        <v>947724901140</v>
      </c>
      <c r="H72" s="239">
        <v>0.96899999999999997</v>
      </c>
      <c r="I72" s="239">
        <v>1.145</v>
      </c>
      <c r="J72" s="239">
        <v>1.0049999999999999</v>
      </c>
      <c r="K72" s="80">
        <v>0.99850000000000005</v>
      </c>
      <c r="L72" s="80">
        <v>0.99860000000000004</v>
      </c>
      <c r="M72" s="80">
        <v>0.99880000000000002</v>
      </c>
      <c r="N72" s="80">
        <v>0.998</v>
      </c>
      <c r="O72" s="80">
        <v>0.97660000000000002</v>
      </c>
      <c r="P72" s="80">
        <v>0.98260000000000003</v>
      </c>
      <c r="Q72" s="80">
        <v>0.99829999999999997</v>
      </c>
      <c r="R72" s="81">
        <v>0.99919999999999998</v>
      </c>
      <c r="S72" s="242">
        <v>0.99787378786497227</v>
      </c>
      <c r="T72" s="31">
        <v>1.6799604450453101E-4</v>
      </c>
      <c r="U72" s="31">
        <v>6.9218912317285788E-8</v>
      </c>
      <c r="V72" s="193"/>
      <c r="W72" s="14"/>
    </row>
    <row r="73" spans="1:23" ht="21" customHeight="1" x14ac:dyDescent="0.15">
      <c r="A73" s="327" t="s">
        <v>112</v>
      </c>
      <c r="B73" s="322"/>
      <c r="C73" s="322"/>
      <c r="D73" s="323"/>
      <c r="E73" s="24">
        <v>1526543999</v>
      </c>
      <c r="F73" s="24">
        <v>1287175839</v>
      </c>
      <c r="G73" s="24">
        <v>1001875958</v>
      </c>
      <c r="H73" s="194">
        <v>1.1859999999999999</v>
      </c>
      <c r="I73" s="194">
        <v>1.2849999999999999</v>
      </c>
      <c r="J73" s="194">
        <v>0.64800000000000002</v>
      </c>
      <c r="K73" s="122">
        <v>1.4E-3</v>
      </c>
      <c r="L73" s="122">
        <v>1.1999999999999999E-3</v>
      </c>
      <c r="M73" s="122">
        <v>1.1000000000000001E-3</v>
      </c>
      <c r="N73" s="122">
        <v>1.6000000000000001E-3</v>
      </c>
      <c r="O73" s="122">
        <v>1E-3</v>
      </c>
      <c r="P73" s="122">
        <v>6.9999999999999999E-4</v>
      </c>
      <c r="Q73" s="122">
        <v>5.9999999999999995E-4</v>
      </c>
      <c r="R73" s="30">
        <v>5.9999999999999995E-4</v>
      </c>
      <c r="S73" s="31">
        <v>1.2289360121539054E-3</v>
      </c>
      <c r="T73" s="31">
        <v>3.9593174468910957E-3</v>
      </c>
      <c r="U73" s="31">
        <v>2.2643996553036267E-3</v>
      </c>
      <c r="W73" s="244"/>
    </row>
    <row r="74" spans="1:23" ht="21" customHeight="1" thickBot="1" x14ac:dyDescent="0.2">
      <c r="A74" s="364" t="s">
        <v>113</v>
      </c>
      <c r="B74" s="365"/>
      <c r="C74" s="365"/>
      <c r="D74" s="366"/>
      <c r="E74" s="24">
        <v>0</v>
      </c>
      <c r="F74" s="35">
        <v>37300905</v>
      </c>
      <c r="G74" s="35">
        <v>0</v>
      </c>
      <c r="H74" s="245">
        <v>0</v>
      </c>
      <c r="I74" s="245">
        <v>0</v>
      </c>
      <c r="J74" s="245">
        <v>0</v>
      </c>
      <c r="K74" s="246">
        <v>0</v>
      </c>
      <c r="L74" s="246">
        <v>0</v>
      </c>
      <c r="M74" s="246">
        <v>0</v>
      </c>
      <c r="N74" s="246">
        <v>2.9999999999999997E-4</v>
      </c>
      <c r="O74" s="246">
        <v>2.23E-2</v>
      </c>
      <c r="P74" s="246">
        <v>1.67E-2</v>
      </c>
      <c r="Q74" s="246">
        <v>1E-3</v>
      </c>
      <c r="R74" s="247">
        <v>1E-4</v>
      </c>
      <c r="S74" s="85">
        <v>8.0000000000000004E-4</v>
      </c>
      <c r="T74" s="169">
        <v>1.2145464382399441E-3</v>
      </c>
      <c r="U74" s="169">
        <v>3.3143074277157862E-3</v>
      </c>
      <c r="V74" s="244"/>
      <c r="W74" s="244"/>
    </row>
    <row r="75" spans="1:23" ht="21" customHeight="1" thickTop="1" thickBot="1" x14ac:dyDescent="0.2">
      <c r="A75" s="331" t="s">
        <v>114</v>
      </c>
      <c r="B75" s="332"/>
      <c r="C75" s="332"/>
      <c r="D75" s="333"/>
      <c r="E75" s="248">
        <v>64449288</v>
      </c>
      <c r="F75" s="174">
        <v>210414074</v>
      </c>
      <c r="G75" s="174">
        <v>111129073</v>
      </c>
      <c r="H75" s="249">
        <v>0.30599999999999999</v>
      </c>
      <c r="I75" s="249">
        <v>1.893</v>
      </c>
      <c r="J75" s="249">
        <v>3.508</v>
      </c>
      <c r="K75" s="250">
        <v>1E-4</v>
      </c>
      <c r="L75" s="250">
        <v>2.0000000000000001E-4</v>
      </c>
      <c r="M75" s="250">
        <v>1E-4</v>
      </c>
      <c r="N75" s="250">
        <v>0</v>
      </c>
      <c r="O75" s="250">
        <v>1E-4</v>
      </c>
      <c r="P75" s="250">
        <v>1E-4</v>
      </c>
      <c r="Q75" s="250">
        <v>0</v>
      </c>
      <c r="R75" s="180">
        <v>2.0000000000000001E-4</v>
      </c>
      <c r="S75" s="181">
        <v>1E-4</v>
      </c>
      <c r="T75" s="85"/>
      <c r="U75" s="85"/>
      <c r="V75" s="244"/>
      <c r="W75" s="244"/>
    </row>
    <row r="76" spans="1:23" ht="21" customHeight="1" thickTop="1" thickBot="1" x14ac:dyDescent="0.2">
      <c r="A76" s="367" t="s">
        <v>115</v>
      </c>
      <c r="B76" s="368"/>
      <c r="C76" s="368"/>
      <c r="D76" s="369"/>
      <c r="E76" s="251">
        <v>1053994028062</v>
      </c>
      <c r="F76" s="182">
        <v>1087077514046</v>
      </c>
      <c r="G76" s="182">
        <v>948837906171</v>
      </c>
      <c r="H76" s="252">
        <v>0.97</v>
      </c>
      <c r="I76" s="252">
        <v>1.1459999999999999</v>
      </c>
      <c r="J76" s="252">
        <v>1.0049999999999999</v>
      </c>
      <c r="K76" s="253">
        <v>1</v>
      </c>
      <c r="L76" s="253">
        <v>1</v>
      </c>
      <c r="M76" s="253">
        <v>1</v>
      </c>
      <c r="N76" s="253">
        <v>1</v>
      </c>
      <c r="O76" s="253">
        <v>1</v>
      </c>
      <c r="P76" s="253">
        <v>1</v>
      </c>
      <c r="Q76" s="253">
        <v>1</v>
      </c>
      <c r="R76" s="188">
        <v>1</v>
      </c>
      <c r="S76" s="189">
        <v>1</v>
      </c>
      <c r="T76" s="189">
        <v>1</v>
      </c>
      <c r="U76" s="189">
        <v>1</v>
      </c>
      <c r="V76" s="244"/>
      <c r="W76" s="244"/>
    </row>
    <row r="77" spans="1:23" ht="25.5" customHeight="1" x14ac:dyDescent="0.15">
      <c r="H77" s="205"/>
      <c r="I77" s="205"/>
      <c r="J77" s="205"/>
      <c r="K77" s="205"/>
      <c r="L77" s="205"/>
      <c r="M77" s="205"/>
      <c r="N77" s="205"/>
      <c r="O77" s="205"/>
      <c r="P77" s="205"/>
      <c r="Q77" s="205"/>
      <c r="R77" s="205"/>
      <c r="S77" s="205"/>
      <c r="T77" s="205"/>
      <c r="U77" s="205"/>
    </row>
    <row r="78" spans="1:23" ht="15" customHeight="1" x14ac:dyDescent="0.15">
      <c r="A78" s="6" t="s">
        <v>116</v>
      </c>
      <c r="H78" s="205"/>
      <c r="I78" s="205"/>
      <c r="J78" s="205"/>
      <c r="K78" s="205"/>
      <c r="L78" s="205"/>
      <c r="M78" s="205"/>
      <c r="N78" s="205"/>
      <c r="O78" s="205"/>
      <c r="P78" s="205"/>
      <c r="Q78" s="205"/>
      <c r="R78" s="205"/>
      <c r="S78" s="205"/>
      <c r="T78" s="205"/>
      <c r="U78" s="205"/>
    </row>
    <row r="79" spans="1:23" ht="9.75" customHeight="1" thickBot="1" x14ac:dyDescent="0.2">
      <c r="B79" s="254"/>
      <c r="D79" s="255"/>
      <c r="E79" s="255"/>
      <c r="F79" s="255"/>
      <c r="G79" s="255"/>
      <c r="H79" s="205"/>
      <c r="I79" s="205"/>
      <c r="J79" s="205"/>
      <c r="K79" s="205"/>
      <c r="L79" s="205"/>
      <c r="M79" s="205"/>
      <c r="N79" s="205"/>
      <c r="O79" s="205"/>
      <c r="P79" s="205"/>
      <c r="Q79" s="205"/>
      <c r="R79" s="205"/>
      <c r="S79" s="205"/>
      <c r="T79" s="205"/>
      <c r="U79" s="205"/>
    </row>
    <row r="80" spans="1:23" ht="15" customHeight="1" x14ac:dyDescent="0.15">
      <c r="A80" s="272" t="s">
        <v>67</v>
      </c>
      <c r="B80" s="273"/>
      <c r="C80" s="273"/>
      <c r="D80" s="274"/>
      <c r="E80" s="9" t="s">
        <v>3</v>
      </c>
      <c r="F80" s="9" t="s">
        <v>4</v>
      </c>
      <c r="G80" s="9" t="s">
        <v>5</v>
      </c>
      <c r="H80" s="278" t="s">
        <v>6</v>
      </c>
      <c r="I80" s="279"/>
      <c r="J80" s="279"/>
      <c r="K80" s="278" t="s">
        <v>68</v>
      </c>
      <c r="L80" s="279"/>
      <c r="M80" s="279"/>
      <c r="N80" s="279"/>
      <c r="O80" s="279"/>
      <c r="P80" s="279"/>
      <c r="Q80" s="279"/>
      <c r="R80" s="280"/>
      <c r="S80" s="12"/>
      <c r="T80" s="205"/>
      <c r="U80" s="205"/>
      <c r="V80" s="244"/>
      <c r="W80" s="244"/>
    </row>
    <row r="81" spans="1:23" ht="15" customHeight="1" thickBot="1" x14ac:dyDescent="0.2">
      <c r="A81" s="275"/>
      <c r="B81" s="276"/>
      <c r="C81" s="276"/>
      <c r="D81" s="277"/>
      <c r="E81" s="15" t="s">
        <v>8</v>
      </c>
      <c r="F81" s="15" t="s">
        <v>8</v>
      </c>
      <c r="G81" s="15" t="s">
        <v>9</v>
      </c>
      <c r="H81" s="16" t="s">
        <v>117</v>
      </c>
      <c r="I81" s="190" t="s">
        <v>118</v>
      </c>
      <c r="J81" s="191" t="s">
        <v>119</v>
      </c>
      <c r="K81" s="192" t="s">
        <v>13</v>
      </c>
      <c r="L81" s="192" t="s">
        <v>120</v>
      </c>
      <c r="M81" s="192" t="s">
        <v>15</v>
      </c>
      <c r="N81" s="192" t="s">
        <v>16</v>
      </c>
      <c r="O81" s="192" t="s">
        <v>17</v>
      </c>
      <c r="P81" s="192" t="s">
        <v>121</v>
      </c>
      <c r="Q81" s="192" t="s">
        <v>122</v>
      </c>
      <c r="R81" s="21" t="s">
        <v>123</v>
      </c>
      <c r="S81" s="22" t="s">
        <v>124</v>
      </c>
      <c r="T81" s="205"/>
      <c r="U81" s="205"/>
      <c r="V81" s="244"/>
      <c r="W81" s="244"/>
    </row>
    <row r="82" spans="1:23" ht="21" customHeight="1" thickTop="1" x14ac:dyDescent="0.15">
      <c r="A82" s="361" t="s">
        <v>125</v>
      </c>
      <c r="B82" s="362"/>
      <c r="C82" s="362"/>
      <c r="D82" s="363"/>
      <c r="E82" s="256">
        <v>3324738803</v>
      </c>
      <c r="F82" s="267">
        <v>-3733791440</v>
      </c>
      <c r="G82" s="256">
        <v>3480865139</v>
      </c>
      <c r="H82" s="257" t="s">
        <v>35</v>
      </c>
      <c r="I82" s="257" t="s">
        <v>126</v>
      </c>
      <c r="J82" s="257" t="s">
        <v>35</v>
      </c>
      <c r="K82" s="258" t="s">
        <v>30</v>
      </c>
      <c r="L82" s="258" t="s">
        <v>30</v>
      </c>
      <c r="M82" s="258" t="s">
        <v>35</v>
      </c>
      <c r="N82" s="258" t="s">
        <v>30</v>
      </c>
      <c r="O82" s="258" t="s">
        <v>30</v>
      </c>
      <c r="P82" s="258" t="s">
        <v>30</v>
      </c>
      <c r="Q82" s="258" t="s">
        <v>30</v>
      </c>
      <c r="R82" s="259" t="s">
        <v>30</v>
      </c>
      <c r="S82" s="260" t="s">
        <v>30</v>
      </c>
      <c r="V82" s="244"/>
      <c r="W82" s="244"/>
    </row>
    <row r="83" spans="1:23" ht="21" customHeight="1" thickBot="1" x14ac:dyDescent="0.2">
      <c r="A83" s="305" t="s">
        <v>127</v>
      </c>
      <c r="B83" s="306"/>
      <c r="C83" s="306"/>
      <c r="D83" s="307"/>
      <c r="E83" s="261">
        <v>34198055032</v>
      </c>
      <c r="F83" s="182">
        <v>30088964600</v>
      </c>
      <c r="G83" s="182">
        <v>33464233108</v>
      </c>
      <c r="H83" s="262">
        <v>1.137</v>
      </c>
      <c r="I83" s="262">
        <v>0.89900000000000002</v>
      </c>
      <c r="J83" s="262">
        <v>1.1240000000000001</v>
      </c>
      <c r="K83" s="263" t="s">
        <v>30</v>
      </c>
      <c r="L83" s="263" t="s">
        <v>30</v>
      </c>
      <c r="M83" s="263" t="s">
        <v>128</v>
      </c>
      <c r="N83" s="263" t="s">
        <v>30</v>
      </c>
      <c r="O83" s="263" t="s">
        <v>30</v>
      </c>
      <c r="P83" s="263" t="s">
        <v>30</v>
      </c>
      <c r="Q83" s="263" t="s">
        <v>30</v>
      </c>
      <c r="R83" s="264" t="s">
        <v>30</v>
      </c>
      <c r="S83" s="265" t="s">
        <v>30</v>
      </c>
      <c r="V83" s="244"/>
      <c r="W83" s="244"/>
    </row>
    <row r="84" spans="1:23" ht="15" customHeight="1" x14ac:dyDescent="0.15"/>
    <row r="85" spans="1:23" ht="15" customHeight="1" x14ac:dyDescent="0.15"/>
    <row r="86" spans="1:23" ht="15" customHeight="1" x14ac:dyDescent="0.15"/>
    <row r="87" spans="1:23" ht="15" customHeight="1" x14ac:dyDescent="0.15"/>
    <row r="88" spans="1:23" ht="15" customHeight="1" x14ac:dyDescent="0.15"/>
    <row r="89" spans="1:23" ht="15" customHeight="1" x14ac:dyDescent="0.15"/>
  </sheetData>
  <mergeCells count="56">
    <mergeCell ref="K80:R80"/>
    <mergeCell ref="A82:D82"/>
    <mergeCell ref="A83:D83"/>
    <mergeCell ref="A73:D73"/>
    <mergeCell ref="A74:D74"/>
    <mergeCell ref="A75:D75"/>
    <mergeCell ref="A76:D76"/>
    <mergeCell ref="A80:D81"/>
    <mergeCell ref="H80:J80"/>
    <mergeCell ref="A72:D72"/>
    <mergeCell ref="A58:B59"/>
    <mergeCell ref="A60:B61"/>
    <mergeCell ref="A62:B63"/>
    <mergeCell ref="A64:D64"/>
    <mergeCell ref="A65:A67"/>
    <mergeCell ref="B65:D65"/>
    <mergeCell ref="B66:D66"/>
    <mergeCell ref="B67:D67"/>
    <mergeCell ref="A68:B69"/>
    <mergeCell ref="C68:D68"/>
    <mergeCell ref="C69:D69"/>
    <mergeCell ref="A70:D70"/>
    <mergeCell ref="A71:D71"/>
    <mergeCell ref="A44:D45"/>
    <mergeCell ref="H44:J44"/>
    <mergeCell ref="K44:R44"/>
    <mergeCell ref="A46:D46"/>
    <mergeCell ref="A47:A57"/>
    <mergeCell ref="B47:B50"/>
    <mergeCell ref="B52:D52"/>
    <mergeCell ref="A40:D40"/>
    <mergeCell ref="A25:B26"/>
    <mergeCell ref="C25:D25"/>
    <mergeCell ref="C26:D26"/>
    <mergeCell ref="A27:A34"/>
    <mergeCell ref="B27:B33"/>
    <mergeCell ref="C27:C28"/>
    <mergeCell ref="B34:D34"/>
    <mergeCell ref="A35:D35"/>
    <mergeCell ref="A36:D36"/>
    <mergeCell ref="A37:D37"/>
    <mergeCell ref="A38:D38"/>
    <mergeCell ref="A39:D39"/>
    <mergeCell ref="A16:D16"/>
    <mergeCell ref="A18:A23"/>
    <mergeCell ref="B19:D19"/>
    <mergeCell ref="B20:D20"/>
    <mergeCell ref="B21:D21"/>
    <mergeCell ref="B22:D22"/>
    <mergeCell ref="A4:D5"/>
    <mergeCell ref="H4:J4"/>
    <mergeCell ref="K4:P4"/>
    <mergeCell ref="A6:D6"/>
    <mergeCell ref="A7:A15"/>
    <mergeCell ref="B10:D10"/>
    <mergeCell ref="B15:D15"/>
  </mergeCells>
  <phoneticPr fontId="2"/>
  <printOptions horizontalCentered="1"/>
  <pageMargins left="0.7" right="0.7" top="0.75" bottom="0.75" header="0.3" footer="0.3"/>
  <pageSetup paperSize="9" scale="87" orientation="portrait" blackAndWhite="1" r:id="rId1"/>
  <headerFooter alignWithMargins="0"/>
  <rowBreaks count="2" manualBreakCount="2">
    <brk id="41" max="13" man="1"/>
    <brk id="83" max="1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6表</vt:lpstr>
      <vt:lpstr>第6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1:14:54Z</cp:lastPrinted>
  <dcterms:created xsi:type="dcterms:W3CDTF">2018-03-07T04:22:52Z</dcterms:created>
  <dcterms:modified xsi:type="dcterms:W3CDTF">2018-03-08T02:40:35Z</dcterms:modified>
</cp:coreProperties>
</file>